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wdp" ContentType="image/vnd.ms-photo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commentAuthors.xml" ContentType="application/vnd.openxmlformats-officedocument.presentationml.commentAuthor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1"/>
  </p:sldMasterIdLst>
  <p:notesMasterIdLst>
    <p:notesMasterId r:id="rId8"/>
  </p:notesMasterIdLst>
  <p:handoutMasterIdLst>
    <p:handoutMasterId r:id="rId9"/>
  </p:handoutMasterIdLst>
  <p:sldIdLst>
    <p:sldId id="495" r:id="rId2"/>
    <p:sldId id="403" r:id="rId3"/>
    <p:sldId id="493" r:id="rId4"/>
    <p:sldId id="404" r:id="rId5"/>
    <p:sldId id="492" r:id="rId6"/>
    <p:sldId id="494" r:id="rId7"/>
  </p:sldIdLst>
  <p:sldSz cx="9144000" cy="6858000" type="screen4x3"/>
  <p:notesSz cx="6735763" cy="9866313"/>
  <p:custDataLst>
    <p:tags r:id="rId10"/>
  </p:custDataLst>
  <p:defaultTextStyle>
    <a:defPPr>
      <a:defRPr lang="ja-JP"/>
    </a:defPPr>
    <a:lvl1pPr marL="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288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>
        <p15:guide id="1" orient="horz" pos="3107" userDrawn="1">
          <p15:clr>
            <a:srgbClr val="A4A3A4"/>
          </p15:clr>
        </p15:guide>
        <p15:guide id="2" pos="2122" userDrawn="1">
          <p15:clr>
            <a:srgbClr val="A4A3A4"/>
          </p15:clr>
        </p15:guide>
      </p15:notesGuideLst>
    </p:ext>
  </p:extLst>
</p:presentation>
</file>

<file path=ppt/commentAuthors.xml><?xml version="1.0" encoding="utf-8"?>
<p:cmAuthorLst xmlns:a="http://schemas.openxmlformats.org/drawingml/2006/main" xmlns:r="http://schemas.openxmlformats.org/officeDocument/2006/relationships" xmlns:p="http://schemas.openxmlformats.org/presentationml/2006/main">
  <p:cmAuthor id="1" name="learning_dev01" initials="l" lastIdx="4" clrIdx="0"/>
  <p:cmAuthor id="2" name="Human Science" initials="H" lastIdx="23" clrIdx="1"/>
</p:cmAuthorLst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483700"/>
    <a:srgbClr val="494138"/>
    <a:srgbClr val="706453"/>
    <a:srgbClr val="449424"/>
    <a:srgbClr val="CBA163"/>
    <a:srgbClr val="C9A865"/>
    <a:srgbClr val="D09F58"/>
    <a:srgbClr val="D6A452"/>
    <a:srgbClr val="D8A85A"/>
    <a:srgbClr val="DBB068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0470" autoAdjust="0"/>
    <p:restoredTop sz="92245" autoAdjust="0"/>
  </p:normalViewPr>
  <p:slideViewPr>
    <p:cSldViewPr snapToGrid="0">
      <p:cViewPr varScale="1">
        <p:scale>
          <a:sx n="72" d="100"/>
          <a:sy n="72" d="100"/>
        </p:scale>
        <p:origin x="1925" y="72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-31098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20" d="100"/>
        <a:sy n="120" d="100"/>
      </p:scale>
      <p:origin x="0" y="-1614"/>
    </p:cViewPr>
  </p:sorterViewPr>
  <p:notesViewPr>
    <p:cSldViewPr snapToGrid="0">
      <p:cViewPr varScale="1">
        <p:scale>
          <a:sx n="76" d="100"/>
          <a:sy n="76" d="100"/>
        </p:scale>
        <p:origin x="-3930" y="-90"/>
      </p:cViewPr>
      <p:guideLst>
        <p:guide orient="horz" pos="3107"/>
        <p:guide pos="2122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commentAuthors" Target="commentAuthors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tags" Target="tags/tag1.xml"/><Relationship Id="rId4" Type="http://schemas.openxmlformats.org/officeDocument/2006/relationships/slide" Target="slides/slide3.xml"/><Relationship Id="rId9" Type="http://schemas.openxmlformats.org/officeDocument/2006/relationships/handoutMaster" Target="handoutMasters/handoutMaster1.xml"/><Relationship Id="rId14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18249" cy="494981"/>
          </a:xfrm>
          <a:prstGeom prst="rect">
            <a:avLst/>
          </a:prstGeom>
        </p:spPr>
        <p:txBody>
          <a:bodyPr vert="horz" lIns="91358" tIns="45679" rIns="91358" bIns="45679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sz="quarter" idx="1"/>
          </p:nvPr>
        </p:nvSpPr>
        <p:spPr>
          <a:xfrm>
            <a:off x="3815928" y="1"/>
            <a:ext cx="2918249" cy="494981"/>
          </a:xfrm>
          <a:prstGeom prst="rect">
            <a:avLst/>
          </a:prstGeom>
        </p:spPr>
        <p:txBody>
          <a:bodyPr vert="horz" lIns="91358" tIns="45679" rIns="91358" bIns="45679" rtlCol="0"/>
          <a:lstStyle>
            <a:lvl1pPr algn="r">
              <a:defRPr sz="1200"/>
            </a:lvl1pPr>
          </a:lstStyle>
          <a:p>
            <a:fld id="{04841BC4-3255-4701-84DC-7BA76BD3BC38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4" name="フッター プレースホルダー 3"/>
          <p:cNvSpPr>
            <a:spLocks noGrp="1"/>
          </p:cNvSpPr>
          <p:nvPr>
            <p:ph type="ftr" sz="quarter" idx="2"/>
          </p:nvPr>
        </p:nvSpPr>
        <p:spPr>
          <a:xfrm>
            <a:off x="0" y="9371332"/>
            <a:ext cx="2918249" cy="494981"/>
          </a:xfrm>
          <a:prstGeom prst="rect">
            <a:avLst/>
          </a:prstGeom>
        </p:spPr>
        <p:txBody>
          <a:bodyPr vert="horz" lIns="91358" tIns="45679" rIns="91358" bIns="45679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5" name="スライド番号プレースホルダー 4"/>
          <p:cNvSpPr>
            <a:spLocks noGrp="1"/>
          </p:cNvSpPr>
          <p:nvPr>
            <p:ph type="sldNum" sz="quarter" idx="3"/>
          </p:nvPr>
        </p:nvSpPr>
        <p:spPr>
          <a:xfrm>
            <a:off x="3815928" y="9371332"/>
            <a:ext cx="2918249" cy="494981"/>
          </a:xfrm>
          <a:prstGeom prst="rect">
            <a:avLst/>
          </a:prstGeom>
        </p:spPr>
        <p:txBody>
          <a:bodyPr vert="horz" lIns="91358" tIns="45679" rIns="91358" bIns="45679" rtlCol="0" anchor="b"/>
          <a:lstStyle>
            <a:lvl1pPr algn="r">
              <a:defRPr sz="1200"/>
            </a:lvl1pPr>
          </a:lstStyle>
          <a:p>
            <a:fld id="{8811A537-B1DC-4DC8-8C68-2B4954D54BC9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3767560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ー 1"/>
          <p:cNvSpPr>
            <a:spLocks noGrp="1"/>
          </p:cNvSpPr>
          <p:nvPr>
            <p:ph type="hdr" sz="quarter"/>
          </p:nvPr>
        </p:nvSpPr>
        <p:spPr>
          <a:xfrm>
            <a:off x="0" y="1"/>
            <a:ext cx="2918830" cy="493316"/>
          </a:xfrm>
          <a:prstGeom prst="rect">
            <a:avLst/>
          </a:prstGeom>
        </p:spPr>
        <p:txBody>
          <a:bodyPr vert="horz" lIns="91358" tIns="45679" rIns="91358" bIns="45679" rtlCol="0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3" name="日付プレースホルダー 2"/>
          <p:cNvSpPr>
            <a:spLocks noGrp="1"/>
          </p:cNvSpPr>
          <p:nvPr>
            <p:ph type="dt" idx="1"/>
          </p:nvPr>
        </p:nvSpPr>
        <p:spPr>
          <a:xfrm>
            <a:off x="3815374" y="1"/>
            <a:ext cx="2918830" cy="493316"/>
          </a:xfrm>
          <a:prstGeom prst="rect">
            <a:avLst/>
          </a:prstGeom>
        </p:spPr>
        <p:txBody>
          <a:bodyPr vert="horz" lIns="91358" tIns="45679" rIns="91358" bIns="45679" rtlCol="0"/>
          <a:lstStyle>
            <a:lvl1pPr algn="r">
              <a:defRPr sz="1200"/>
            </a:lvl1pPr>
          </a:lstStyle>
          <a:p>
            <a:fld id="{957A1FB4-E895-4F2F-AE02-D5808EBC5EEE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4" name="スライド イメージ プレースホルダー 3"/>
          <p:cNvSpPr>
            <a:spLocks noGrp="1" noRot="1" noChangeAspect="1"/>
          </p:cNvSpPr>
          <p:nvPr>
            <p:ph type="sldImg" idx="2"/>
          </p:nvPr>
        </p:nvSpPr>
        <p:spPr>
          <a:xfrm>
            <a:off x="901700" y="739775"/>
            <a:ext cx="4932363" cy="3700463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358" tIns="45679" rIns="91358" bIns="45679" rtlCol="0" anchor="ctr"/>
          <a:lstStyle/>
          <a:p>
            <a:endParaRPr lang="ja-JP" altLang="en-US"/>
          </a:p>
        </p:txBody>
      </p:sp>
      <p:sp>
        <p:nvSpPr>
          <p:cNvPr id="5" name="ノート プレースホルダー 4"/>
          <p:cNvSpPr>
            <a:spLocks noGrp="1"/>
          </p:cNvSpPr>
          <p:nvPr>
            <p:ph type="body" sz="quarter" idx="3"/>
          </p:nvPr>
        </p:nvSpPr>
        <p:spPr>
          <a:xfrm>
            <a:off x="673577" y="4686499"/>
            <a:ext cx="5388610" cy="4439841"/>
          </a:xfrm>
          <a:prstGeom prst="rect">
            <a:avLst/>
          </a:prstGeom>
        </p:spPr>
        <p:txBody>
          <a:bodyPr vert="horz" lIns="91358" tIns="45679" rIns="91358" bIns="45679" rtlCol="0"/>
          <a:lstStyle/>
          <a:p>
            <a:pPr lvl="0"/>
            <a:r>
              <a:rPr kumimoji="1" lang="ja-JP" altLang="en-US"/>
              <a:t>マスター テキストの書式設定</a:t>
            </a:r>
          </a:p>
          <a:p>
            <a:pPr lvl="1"/>
            <a:r>
              <a:rPr kumimoji="1" lang="ja-JP" altLang="en-US"/>
              <a:t>第 </a:t>
            </a:r>
            <a:r>
              <a:rPr kumimoji="1" lang="en-US" altLang="ja-JP"/>
              <a:t>2 </a:t>
            </a:r>
            <a:r>
              <a:rPr kumimoji="1" lang="ja-JP" altLang="en-US"/>
              <a:t>レベル</a:t>
            </a:r>
          </a:p>
          <a:p>
            <a:pPr lvl="2"/>
            <a:r>
              <a:rPr kumimoji="1" lang="ja-JP" altLang="en-US"/>
              <a:t>第 </a:t>
            </a:r>
            <a:r>
              <a:rPr kumimoji="1" lang="en-US" altLang="ja-JP"/>
              <a:t>3 </a:t>
            </a:r>
            <a:r>
              <a:rPr kumimoji="1" lang="ja-JP" altLang="en-US"/>
              <a:t>レベル</a:t>
            </a:r>
          </a:p>
          <a:p>
            <a:pPr lvl="3"/>
            <a:r>
              <a:rPr kumimoji="1" lang="ja-JP" altLang="en-US"/>
              <a:t>第 </a:t>
            </a:r>
            <a:r>
              <a:rPr kumimoji="1" lang="en-US" altLang="ja-JP"/>
              <a:t>4 </a:t>
            </a:r>
            <a:r>
              <a:rPr kumimoji="1" lang="ja-JP" altLang="en-US"/>
              <a:t>レベル</a:t>
            </a:r>
          </a:p>
          <a:p>
            <a:pPr lvl="4"/>
            <a:r>
              <a:rPr kumimoji="1" lang="ja-JP" altLang="en-US"/>
              <a:t>第 </a:t>
            </a:r>
            <a:r>
              <a:rPr kumimoji="1" lang="en-US" altLang="ja-JP"/>
              <a:t>5 </a:t>
            </a:r>
            <a:r>
              <a:rPr kumimoji="1" lang="ja-JP" altLang="en-US"/>
              <a:t>レベル</a:t>
            </a:r>
          </a:p>
        </p:txBody>
      </p:sp>
      <p:sp>
        <p:nvSpPr>
          <p:cNvPr id="6" name="フッター プレースホルダー 5"/>
          <p:cNvSpPr>
            <a:spLocks noGrp="1"/>
          </p:cNvSpPr>
          <p:nvPr>
            <p:ph type="ftr" sz="quarter" idx="4"/>
          </p:nvPr>
        </p:nvSpPr>
        <p:spPr>
          <a:xfrm>
            <a:off x="0" y="9371285"/>
            <a:ext cx="2918830" cy="493316"/>
          </a:xfrm>
          <a:prstGeom prst="rect">
            <a:avLst/>
          </a:prstGeom>
        </p:spPr>
        <p:txBody>
          <a:bodyPr vert="horz" lIns="91358" tIns="45679" rIns="91358" bIns="45679" rtlCol="0" anchor="b"/>
          <a:lstStyle>
            <a:lvl1pPr algn="l">
              <a:defRPr sz="1200"/>
            </a:lvl1pPr>
          </a:lstStyle>
          <a:p>
            <a:endParaRPr kumimoji="1" lang="ja-JP" altLang="en-US"/>
          </a:p>
        </p:txBody>
      </p:sp>
      <p:sp>
        <p:nvSpPr>
          <p:cNvPr id="7" name="スライド番号プレースホルダー 6"/>
          <p:cNvSpPr>
            <a:spLocks noGrp="1"/>
          </p:cNvSpPr>
          <p:nvPr>
            <p:ph type="sldNum" sz="quarter" idx="5"/>
          </p:nvPr>
        </p:nvSpPr>
        <p:spPr>
          <a:xfrm>
            <a:off x="3815374" y="9371285"/>
            <a:ext cx="2918830" cy="493316"/>
          </a:xfrm>
          <a:prstGeom prst="rect">
            <a:avLst/>
          </a:prstGeom>
        </p:spPr>
        <p:txBody>
          <a:bodyPr vert="horz" lIns="91358" tIns="45679" rIns="91358" bIns="45679" rtlCol="0" anchor="b"/>
          <a:lstStyle>
            <a:lvl1pPr algn="r">
              <a:defRPr sz="1200"/>
            </a:lvl1pPr>
          </a:lstStyle>
          <a:p>
            <a:fld id="{3A2ADF00-AF12-48AC-B547-A09800EB06B8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794199042"/>
      </p:ext>
    </p:extLst>
  </p:cSld>
  <p:clrMap bg1="lt1" tx1="dk1" bg2="lt2" tx2="dk2" accent1="accent1" accent2="accent2" accent3="accent3" accent4="accent4" accent5="accent5" accent6="accent6" hlink="hlink" folHlink="folHlink"/>
  <p:hf sldNum="0" hdr="0" ftr="0" dt="0"/>
  <p:notesStyle>
    <a:lvl1pPr marL="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652439514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192908769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121868800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 dirty="0"/>
          </a:p>
        </p:txBody>
      </p:sp>
    </p:spTree>
    <p:extLst>
      <p:ext uri="{BB962C8B-B14F-4D97-AF65-F5344CB8AC3E}">
        <p14:creationId xmlns:p14="http://schemas.microsoft.com/office/powerpoint/2010/main" val="3290360615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357008266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スライド イメージ プレースホルダー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ノート プレースホルダー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73907686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png"/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1.wdp"/></Relationships>
</file>

<file path=ppt/slideLayouts/_rels/slideLayout7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5" Type="http://schemas.openxmlformats.org/officeDocument/2006/relationships/image" Target="../media/image5.jpeg"/><Relationship Id="rId4" Type="http://schemas.microsoft.com/office/2007/relationships/hdphoto" Target="../media/hdphoto2.wdp"/></Relationships>
</file>

<file path=ppt/slideLayouts/_rels/slideLayout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.png"/><Relationship Id="rId3" Type="http://schemas.openxmlformats.org/officeDocument/2006/relationships/image" Target="../media/image7.png"/><Relationship Id="rId7" Type="http://schemas.openxmlformats.org/officeDocument/2006/relationships/image" Target="../media/image2.png"/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.png"/><Relationship Id="rId11" Type="http://schemas.microsoft.com/office/2007/relationships/hdphoto" Target="../media/hdphoto4.wdp"/><Relationship Id="rId5" Type="http://schemas.microsoft.com/office/2007/relationships/hdphoto" Target="../media/hdphoto2.wdp"/><Relationship Id="rId10" Type="http://schemas.openxmlformats.org/officeDocument/2006/relationships/image" Target="../media/image9.png"/><Relationship Id="rId4" Type="http://schemas.openxmlformats.org/officeDocument/2006/relationships/image" Target="../media/image6.png"/><Relationship Id="rId9" Type="http://schemas.microsoft.com/office/2007/relationships/hdphoto" Target="../media/hdphoto3.wdp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ja-JP" altLang="en-US"/>
              <a:t>マスター サブタイトルの書式設定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72530161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67647047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21501352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917829047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&#10;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69954064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ja-JP" altLang="en-US"/>
              <a:t>図を追加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ja-JP" altLang="en-US"/>
              <a:t>マスター テキストの書式設定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442375927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153290305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&#10;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41062750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gradFill flip="none" rotWithShape="1">
            <a:gsLst>
              <a:gs pos="0">
                <a:srgbClr val="FFD1E1"/>
              </a:gs>
              <a:gs pos="74000">
                <a:srgbClr val="FFE5FF"/>
              </a:gs>
              <a:gs pos="100000">
                <a:schemeClr val="bg1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76132726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正方形/長方形 10"/>
          <p:cNvSpPr/>
          <p:nvPr userDrawn="1"/>
        </p:nvSpPr>
        <p:spPr>
          <a:xfrm>
            <a:off x="0" y="0"/>
            <a:ext cx="9144000" cy="6858000"/>
          </a:xfrm>
          <a:prstGeom prst="rect">
            <a:avLst/>
          </a:prstGeom>
          <a:gradFill flip="none" rotWithShape="1">
            <a:gsLst>
              <a:gs pos="0">
                <a:srgbClr val="A4BEF2"/>
              </a:gs>
              <a:gs pos="74000">
                <a:srgbClr val="B9E1FD"/>
              </a:gs>
              <a:gs pos="100000">
                <a:srgbClr val="E6EDF6"/>
              </a:gs>
            </a:gsLst>
            <a:lin ang="5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 dirty="0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83914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9"/>
          <p:cNvSpPr/>
          <p:nvPr userDrawn="1"/>
        </p:nvSpPr>
        <p:spPr>
          <a:xfrm>
            <a:off x="0" y="0"/>
            <a:ext cx="9144000" cy="6857999"/>
          </a:xfrm>
          <a:prstGeom prst="rect">
            <a:avLst/>
          </a:prstGeom>
          <a:gradFill flip="none" rotWithShape="1">
            <a:gsLst>
              <a:gs pos="100000">
                <a:schemeClr val="accent6">
                  <a:lumMod val="40000"/>
                  <a:lumOff val="60000"/>
                </a:schemeClr>
              </a:gs>
              <a:gs pos="50000">
                <a:schemeClr val="bg1"/>
              </a:gs>
            </a:gsLst>
            <a:path path="circle">
              <a:fillToRect l="50000" t="50000" r="50000" b="50000"/>
            </a:path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000" y="6492874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58021732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正方形/長方形 29"/>
          <p:cNvSpPr/>
          <p:nvPr userDrawn="1"/>
        </p:nvSpPr>
        <p:spPr>
          <a:xfrm>
            <a:off x="0" y="0"/>
            <a:ext cx="9150350" cy="6857999"/>
          </a:xfrm>
          <a:custGeom>
            <a:avLst/>
            <a:gdLst>
              <a:gd name="connsiteX0" fmla="*/ 0 w 9144000"/>
              <a:gd name="connsiteY0" fmla="*/ 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0 h 6076948"/>
              <a:gd name="connsiteX0" fmla="*/ 0 w 9144000"/>
              <a:gd name="connsiteY0" fmla="*/ 38100 h 6076948"/>
              <a:gd name="connsiteX1" fmla="*/ 9144000 w 9144000"/>
              <a:gd name="connsiteY1" fmla="*/ 0 h 6076948"/>
              <a:gd name="connsiteX2" fmla="*/ 9144000 w 9144000"/>
              <a:gd name="connsiteY2" fmla="*/ 6076948 h 6076948"/>
              <a:gd name="connsiteX3" fmla="*/ 0 w 9144000"/>
              <a:gd name="connsiteY3" fmla="*/ 6076948 h 6076948"/>
              <a:gd name="connsiteX4" fmla="*/ 0 w 9144000"/>
              <a:gd name="connsiteY4" fmla="*/ 38100 h 6076948"/>
              <a:gd name="connsiteX0" fmla="*/ 0 w 9150350"/>
              <a:gd name="connsiteY0" fmla="*/ 76200 h 6115048"/>
              <a:gd name="connsiteX1" fmla="*/ 9150350 w 9150350"/>
              <a:gd name="connsiteY1" fmla="*/ 0 h 6115048"/>
              <a:gd name="connsiteX2" fmla="*/ 9144000 w 9150350"/>
              <a:gd name="connsiteY2" fmla="*/ 6115048 h 6115048"/>
              <a:gd name="connsiteX3" fmla="*/ 0 w 9150350"/>
              <a:gd name="connsiteY3" fmla="*/ 6115048 h 6115048"/>
              <a:gd name="connsiteX4" fmla="*/ 0 w 9150350"/>
              <a:gd name="connsiteY4" fmla="*/ 76200 h 611504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</a:cxnLst>
            <a:rect l="l" t="t" r="r" b="b"/>
            <a:pathLst>
              <a:path w="9150350" h="6115048">
                <a:moveTo>
                  <a:pt x="0" y="76200"/>
                </a:moveTo>
                <a:lnTo>
                  <a:pt x="9150350" y="0"/>
                </a:lnTo>
                <a:cubicBezTo>
                  <a:pt x="9148233" y="2038349"/>
                  <a:pt x="9146117" y="4076699"/>
                  <a:pt x="9144000" y="6115048"/>
                </a:cubicBezTo>
                <a:lnTo>
                  <a:pt x="0" y="6115048"/>
                </a:lnTo>
                <a:lnTo>
                  <a:pt x="0" y="76200"/>
                </a:lnTo>
                <a:close/>
              </a:path>
            </a:pathLst>
          </a:custGeom>
          <a:solidFill>
            <a:srgbClr val="FFD1E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pic>
        <p:nvPicPr>
          <p:cNvPr id="2050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92950" y="6492875"/>
            <a:ext cx="189531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pic>
        <p:nvPicPr>
          <p:cNvPr id="9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0" y="76201"/>
            <a:ext cx="7886700" cy="812798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400" dirty="0">
                <a:solidFill>
                  <a:srgbClr val="614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defRPr>
            </a:lvl1pPr>
          </a:lstStyle>
          <a:p>
            <a:pPr marL="0" lvl="0"/>
            <a:r>
              <a:rPr lang="ja-JP" altLang="en-US" dirty="0"/>
              <a:t>マスター タイトルの書式設定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4092011658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98" r="26766" b="53451"/>
          <a:stretch/>
        </p:blipFill>
        <p:spPr bwMode="auto">
          <a:xfrm>
            <a:off x="0" y="1"/>
            <a:ext cx="914400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2" descr="C:\Users\user000\Desktop\ICTすだちくん（JPG）\正面.aiのコピー.jpg"/>
          <p:cNvPicPr>
            <a:picLocks noChangeAspect="1" noChangeArrowheads="1"/>
          </p:cNvPicPr>
          <p:nvPr userDrawn="1"/>
        </p:nvPicPr>
        <p:blipFill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4619" b="89954" l="2920" r="95499">
                        <a14:foregroundMark x1="40633" y1="46189" x2="60827" y2="47806"/>
                        <a14:foregroundMark x1="31630" y1="65589" x2="32603" y2="70092"/>
                        <a14:foregroundMark x1="28589" y1="66397" x2="39659" y2="68014"/>
                        <a14:foregroundMark x1="33698" y1="74827" x2="33090" y2="61663"/>
                        <a14:foregroundMark x1="56569" y1="63164" x2="70438" y2="74134"/>
                        <a14:backgroundMark x1="28467" y1="63510" x2="29440" y2="64434"/>
                        <a14:backgroundMark x1="16910" y1="55312" x2="26642" y2="64896"/>
                        <a14:backgroundMark x1="18613" y1="55312" x2="26277" y2="63164"/>
                        <a14:backgroundMark x1="19708" y1="54734" x2="23114" y2="59238"/>
                        <a14:backgroundMark x1="23358" y1="60162" x2="27494" y2="63048"/>
                        <a14:backgroundMark x1="23601" y1="59815" x2="23601" y2="59815"/>
                        <a14:backgroundMark x1="23236" y1="59584" x2="24818" y2="61201"/>
                        <a14:backgroundMark x1="15693" y1="56928" x2="25182" y2="65012"/>
                        <a14:backgroundMark x1="14355" y1="59469" x2="25669" y2="65012"/>
                        <a14:backgroundMark x1="15572" y1="65358" x2="25304" y2="65473"/>
                        <a14:backgroundMark x1="17640" y1="69746" x2="26521" y2="68014"/>
                        <a14:backgroundMark x1="24331" y1="67667" x2="28467" y2="65012"/>
                        <a14:backgroundMark x1="27981" y1="65704" x2="25912" y2="71478"/>
                        <a14:backgroundMark x1="68005" y1="64781" x2="75791" y2="75520"/>
                        <a14:backgroundMark x1="67640" y1="64088" x2="76277" y2="61547"/>
                        <a14:backgroundMark x1="69221" y1="62356" x2="75061" y2="60970"/>
                        <a14:backgroundMark x1="69830" y1="61432" x2="74939" y2="58083"/>
                        <a14:backgroundMark x1="77981" y1="53002" x2="72993" y2="59700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49212" y="384092"/>
            <a:ext cx="4397976" cy="4633482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9" name="正方形/長方形 8"/>
          <p:cNvSpPr/>
          <p:nvPr userDrawn="1"/>
        </p:nvSpPr>
        <p:spPr>
          <a:xfrm>
            <a:off x="882766" y="3152550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0" name="正方形/長方形 9"/>
          <p:cNvSpPr/>
          <p:nvPr userDrawn="1"/>
        </p:nvSpPr>
        <p:spPr>
          <a:xfrm>
            <a:off x="895136" y="3166953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12" name="円/楕円 11"/>
          <p:cNvSpPr/>
          <p:nvPr userDrawn="1"/>
        </p:nvSpPr>
        <p:spPr>
          <a:xfrm>
            <a:off x="2391446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6" name="円/楕円 15"/>
          <p:cNvSpPr/>
          <p:nvPr userDrawn="1"/>
        </p:nvSpPr>
        <p:spPr>
          <a:xfrm>
            <a:off x="6127118" y="2863896"/>
            <a:ext cx="593070" cy="577308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5136" y="3429000"/>
            <a:ext cx="731309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19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610601542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1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0" y="1"/>
            <a:ext cx="9150349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BEBA8EAE-BF5A-486C-A8C5-ECC9F3942E4B}">
                <a14:imgProps xmlns:a14="http://schemas.microsoft.com/office/drawing/2010/main">
                  <a14:imgLayer r:embed="rId4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9" name="正方形/長方形 18"/>
          <p:cNvSpPr/>
          <p:nvPr userDrawn="1"/>
        </p:nvSpPr>
        <p:spPr>
          <a:xfrm>
            <a:off x="1564206" y="3453327"/>
            <a:ext cx="7313094" cy="3190875"/>
          </a:xfrm>
          <a:prstGeom prst="rect">
            <a:avLst/>
          </a:prstGeom>
          <a:blipFill>
            <a:blip r:embed="rId5"/>
            <a:tile tx="0" ty="0" sx="100000" sy="100000" flip="none" algn="tl"/>
          </a:blip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0" name="正方形/長方形 19"/>
          <p:cNvSpPr/>
          <p:nvPr userDrawn="1"/>
        </p:nvSpPr>
        <p:spPr>
          <a:xfrm>
            <a:off x="1576576" y="3467730"/>
            <a:ext cx="7313094" cy="3190875"/>
          </a:xfrm>
          <a:prstGeom prst="rect">
            <a:avLst/>
          </a:prstGeom>
          <a:solidFill>
            <a:schemeClr val="accent2">
              <a:lumMod val="20000"/>
              <a:lumOff val="80000"/>
              <a:alpha val="80000"/>
            </a:schemeClr>
          </a:solidFill>
          <a:ln w="889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22" name="円/楕円 21"/>
          <p:cNvSpPr/>
          <p:nvPr userDrawn="1"/>
        </p:nvSpPr>
        <p:spPr>
          <a:xfrm>
            <a:off x="1343350" y="3849803"/>
            <a:ext cx="366576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101600"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75166" y="3751206"/>
            <a:ext cx="7202134" cy="2914424"/>
          </a:xfrm>
        </p:spPr>
        <p:txBody>
          <a:bodyPr anchor="ctr">
            <a:normAutofit/>
          </a:bodyPr>
          <a:lstStyle>
            <a:lvl1pPr algn="ctr">
              <a:defRPr kumimoji="1" lang="ja-JP" altLang="en-US" sz="5400" b="1" i="0" u="none" kern="1200" dirty="0" smtClean="0">
                <a:solidFill>
                  <a:srgbClr val="613403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</p:spTree>
    <p:extLst>
      <p:ext uri="{BB962C8B-B14F-4D97-AF65-F5344CB8AC3E}">
        <p14:creationId xmlns:p14="http://schemas.microsoft.com/office/powerpoint/2010/main" val="2040169596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4" descr="D:\ryuno\_徳島\コンテンツ制作\集中線.png"/>
          <p:cNvPicPr>
            <a:picLocks noChangeAspect="1" noChangeArrowheads="1"/>
          </p:cNvPicPr>
          <p:nvPr userDrawn="1"/>
        </p:nvPicPr>
        <p:blipFill rotWithShape="1">
          <a:blip r:embed="rId2">
            <a:duotone>
              <a:schemeClr val="accent6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6344" r="17087" b="53451"/>
          <a:stretch/>
        </p:blipFill>
        <p:spPr bwMode="auto">
          <a:xfrm>
            <a:off x="1" y="1"/>
            <a:ext cx="9060180" cy="685799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074" name="Picture 2"/>
          <p:cNvPicPr>
            <a:picLocks noChangeAspect="1" noChangeArrowheads="1"/>
          </p:cNvPicPr>
          <p:nvPr userDrawn="1"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14143" t="48627" r="36251"/>
          <a:stretch/>
        </p:blipFill>
        <p:spPr bwMode="auto">
          <a:xfrm rot="10800000">
            <a:off x="6640706" y="756827"/>
            <a:ext cx="2503293" cy="264582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1" name="正方形/長方形 10"/>
          <p:cNvSpPr/>
          <p:nvPr userDrawn="1"/>
        </p:nvSpPr>
        <p:spPr>
          <a:xfrm rot="-60000">
            <a:off x="6571055" y="754203"/>
            <a:ext cx="76311" cy="2659514"/>
          </a:xfrm>
          <a:prstGeom prst="rect">
            <a:avLst/>
          </a:prstGeom>
          <a:solidFill>
            <a:schemeClr val="bg1"/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18" name="Picture 2" descr="C:\Users\user000\Desktop\ICTすだちくん（JPG）\ボード持ち.aiのコピー.jpg"/>
          <p:cNvPicPr>
            <a:picLocks noChangeAspect="1" noChangeArrowheads="1"/>
          </p:cNvPicPr>
          <p:nvPr userDrawn="1"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backgroundRemoval t="11981" b="94623" l="3497" r="94930">
                        <a14:foregroundMark x1="36364" y1="47358" x2="42657" y2="46415"/>
                        <a14:foregroundMark x1="61364" y1="47358" x2="58916" y2="50283"/>
                        <a14:foregroundMark x1="60140" y1="44811" x2="65297" y2="47170"/>
                        <a14:foregroundMark x1="70629" y1="44528" x2="72552" y2="45000"/>
                        <a14:foregroundMark x1="74388" y1="38774" x2="75699" y2="38679"/>
                        <a14:foregroundMark x1="70105" y1="32642" x2="69056" y2="33962"/>
                        <a14:foregroundMark x1="29983" y1="62075" x2="39510" y2="63113"/>
                      </a14:backgroundRemoval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763" t="12187" b="-2482"/>
          <a:stretch/>
        </p:blipFill>
        <p:spPr bwMode="auto">
          <a:xfrm>
            <a:off x="59258" y="1278455"/>
            <a:ext cx="5615087" cy="488104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正方形/長方形 19"/>
          <p:cNvSpPr/>
          <p:nvPr userDrawn="1"/>
        </p:nvSpPr>
        <p:spPr>
          <a:xfrm>
            <a:off x="1537632" y="3429000"/>
            <a:ext cx="7612718" cy="3429000"/>
          </a:xfrm>
          <a:prstGeom prst="rect">
            <a:avLst/>
          </a:prstGeom>
          <a:solidFill>
            <a:srgbClr val="FFFFFF"/>
          </a:solidFill>
          <a:ln w="88900"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23" name="Picture 2" descr="D:\ryuno\_徳島\コンテンツ制作\ppt-background.png"/>
          <p:cNvPicPr>
            <a:picLocks noChangeAspect="1" noChangeArrowheads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0"/>
            <a:ext cx="9150350" cy="83524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24" name="Picture 5" descr="D:\ryuno\_徳島\コンテンツ制作\logo.png"/>
          <p:cNvPicPr>
            <a:picLocks noChangeAspect="1" noChangeArrowheads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428201" y="69737"/>
            <a:ext cx="1560059" cy="517555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841500" y="3751206"/>
            <a:ext cx="7035800" cy="2914424"/>
          </a:xfrm>
        </p:spPr>
        <p:txBody>
          <a:bodyPr anchor="ctr">
            <a:normAutofit/>
          </a:bodyPr>
          <a:lstStyle>
            <a:lvl1pPr algn="ctr">
              <a:lnSpc>
                <a:spcPts val="7200"/>
              </a:lnSpc>
              <a:defRPr kumimoji="1" lang="ja-JP" altLang="en-US" sz="5400" b="1" i="0" u="none" kern="1200" dirty="0" smtClean="0">
                <a:solidFill>
                  <a:schemeClr val="accent6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j-cs"/>
              </a:defRPr>
            </a:lvl1pPr>
          </a:lstStyle>
          <a:p>
            <a:r>
              <a:rPr lang="ja-JP" altLang="en-US" dirty="0"/>
              <a:t>マスター タイトルの書式設定</a:t>
            </a:r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7086600" y="6492875"/>
            <a:ext cx="1901660" cy="365125"/>
          </a:xfrm>
        </p:spPr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  <p:sp>
        <p:nvSpPr>
          <p:cNvPr id="26" name="テキスト プレースホルダー 17"/>
          <p:cNvSpPr>
            <a:spLocks noGrp="1"/>
          </p:cNvSpPr>
          <p:nvPr>
            <p:ph type="body" sz="quarter" idx="13"/>
          </p:nvPr>
        </p:nvSpPr>
        <p:spPr>
          <a:xfrm>
            <a:off x="150813" y="258339"/>
            <a:ext cx="5976305" cy="461962"/>
          </a:xfrm>
        </p:spPr>
        <p:txBody>
          <a:bodyPr anchor="ctr">
            <a:noAutofit/>
          </a:bodyPr>
          <a:lstStyle>
            <a:lvl1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1pPr>
            <a:lvl2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2pPr>
            <a:lvl3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3pPr>
            <a:lvl4pPr marL="0" indent="0" algn="l" defTabSz="914400" rtl="0" eaLnBrk="1" latinLnBrk="0" hangingPunct="1">
              <a:buNone/>
              <a:defRPr kumimoji="1" lang="ja-JP" altLang="en-US" sz="2400" kern="1200" dirty="0" smtClean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4pPr>
            <a:lvl5pPr marL="0" indent="0" algn="l" defTabSz="914400" rtl="0" eaLnBrk="1" latinLnBrk="0" hangingPunct="1">
              <a:buNone/>
              <a:defRPr kumimoji="1" lang="ja-JP" altLang="en-US" sz="2400" kern="1200" dirty="0">
                <a:solidFill>
                  <a:schemeClr val="accent4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+mn-cs"/>
              </a:defRPr>
            </a:lvl5pPr>
          </a:lstStyle>
          <a:p>
            <a:pPr lvl="0"/>
            <a:r>
              <a:rPr kumimoji="1" lang="ja-JP" altLang="en-US" dirty="0"/>
              <a:t>マスター テキストの書式設定</a:t>
            </a:r>
          </a:p>
        </p:txBody>
      </p:sp>
      <p:grpSp>
        <p:nvGrpSpPr>
          <p:cNvPr id="32" name="グループ化 31"/>
          <p:cNvGrpSpPr/>
          <p:nvPr userDrawn="1"/>
        </p:nvGrpSpPr>
        <p:grpSpPr>
          <a:xfrm>
            <a:off x="1520288" y="3407832"/>
            <a:ext cx="7623712" cy="93426"/>
            <a:chOff x="1520288" y="3407832"/>
            <a:chExt cx="7623712" cy="93426"/>
          </a:xfrm>
        </p:grpSpPr>
        <p:cxnSp>
          <p:nvCxnSpPr>
            <p:cNvPr id="4" name="直線コネクタ 3"/>
            <p:cNvCxnSpPr/>
            <p:nvPr userDrawn="1"/>
          </p:nvCxnSpPr>
          <p:spPr>
            <a:xfrm flipV="1">
              <a:off x="1520288" y="3407832"/>
              <a:ext cx="7623712" cy="2116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9" name="直線コネクタ 28"/>
            <p:cNvCxnSpPr/>
            <p:nvPr userDrawn="1"/>
          </p:nvCxnSpPr>
          <p:spPr>
            <a:xfrm flipV="1">
              <a:off x="1601425" y="3480430"/>
              <a:ext cx="7542575" cy="20828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grpSp>
        <p:nvGrpSpPr>
          <p:cNvPr id="33" name="グループ化 32"/>
          <p:cNvGrpSpPr/>
          <p:nvPr userDrawn="1"/>
        </p:nvGrpSpPr>
        <p:grpSpPr>
          <a:xfrm rot="5400000" flipV="1">
            <a:off x="-171431" y="5093609"/>
            <a:ext cx="3452286" cy="93430"/>
            <a:chOff x="1520288" y="3407832"/>
            <a:chExt cx="8912595" cy="93430"/>
          </a:xfrm>
        </p:grpSpPr>
        <p:cxnSp>
          <p:nvCxnSpPr>
            <p:cNvPr id="34" name="直線コネクタ 33"/>
            <p:cNvCxnSpPr/>
            <p:nvPr userDrawn="1"/>
          </p:nvCxnSpPr>
          <p:spPr>
            <a:xfrm rot="5400000" flipH="1" flipV="1">
              <a:off x="5955072" y="-1026952"/>
              <a:ext cx="21168" cy="889073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35" name="直線コネクタ 34"/>
            <p:cNvCxnSpPr/>
            <p:nvPr userDrawn="1"/>
          </p:nvCxnSpPr>
          <p:spPr>
            <a:xfrm rot="5400000" flipH="1" flipV="1">
              <a:off x="6064905" y="-866716"/>
              <a:ext cx="24851" cy="8711105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22" name="円/楕円 21"/>
          <p:cNvSpPr/>
          <p:nvPr userDrawn="1"/>
        </p:nvSpPr>
        <p:spPr>
          <a:xfrm>
            <a:off x="1312572" y="3833136"/>
            <a:ext cx="385275" cy="356834"/>
          </a:xfrm>
          <a:prstGeom prst="ellipse">
            <a:avLst/>
          </a:prstGeom>
          <a:solidFill>
            <a:schemeClr val="bg1">
              <a:lumMod val="95000"/>
            </a:schemeClr>
          </a:solidFill>
          <a:ln w="88900">
            <a:solidFill>
              <a:schemeClr val="tx1"/>
            </a:solidFill>
          </a:ln>
          <a:effectLst>
            <a:softEdge rad="12700"/>
          </a:effectLst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21" name="グループ化 20"/>
          <p:cNvGrpSpPr/>
          <p:nvPr userDrawn="1"/>
        </p:nvGrpSpPr>
        <p:grpSpPr>
          <a:xfrm rot="5400000">
            <a:off x="5284193" y="2027834"/>
            <a:ext cx="2626626" cy="139409"/>
            <a:chOff x="900523" y="3387507"/>
            <a:chExt cx="8243479" cy="139410"/>
          </a:xfrm>
        </p:grpSpPr>
        <p:cxnSp>
          <p:nvCxnSpPr>
            <p:cNvPr id="25" name="直線コネクタ 24"/>
            <p:cNvCxnSpPr/>
            <p:nvPr userDrawn="1"/>
          </p:nvCxnSpPr>
          <p:spPr>
            <a:xfrm rot="16200000">
              <a:off x="5002407" y="-714377"/>
              <a:ext cx="39711" cy="8243479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27" name="直線コネクタ 26"/>
            <p:cNvCxnSpPr/>
            <p:nvPr userDrawn="1"/>
          </p:nvCxnSpPr>
          <p:spPr>
            <a:xfrm rot="16200000">
              <a:off x="4999017" y="-618064"/>
              <a:ext cx="46487" cy="8243476"/>
            </a:xfrm>
            <a:prstGeom prst="line">
              <a:avLst/>
            </a:prstGeom>
            <a:ln w="28575">
              <a:solidFill>
                <a:schemeClr val="tx1">
                  <a:lumMod val="75000"/>
                  <a:lumOff val="2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10" name="正方形/長方形 9"/>
          <p:cNvSpPr/>
          <p:nvPr userDrawn="1"/>
        </p:nvSpPr>
        <p:spPr>
          <a:xfrm>
            <a:off x="6590296" y="3388519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sp>
        <p:nvSpPr>
          <p:cNvPr id="30" name="正方形/長方形 29"/>
          <p:cNvSpPr/>
          <p:nvPr userDrawn="1"/>
        </p:nvSpPr>
        <p:spPr>
          <a:xfrm>
            <a:off x="6551045" y="733768"/>
            <a:ext cx="55121" cy="71437"/>
          </a:xfrm>
          <a:prstGeom prst="rect">
            <a:avLst/>
          </a:prstGeom>
          <a:solidFill>
            <a:schemeClr val="bg1">
              <a:lumMod val="95000"/>
            </a:schemeClr>
          </a:solidFill>
          <a:ln>
            <a:noFill/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<a:prstTxWarp prst="textNoShape">
              <a:avLst/>
            </a:prstTxWarp>
            <a:noAutofit/>
          </a:bodyPr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pic>
        <p:nvPicPr>
          <p:cNvPr id="3075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>
          <a:blip r:embed="rId8" cstate="print">
            <a:extLst>
              <a:ext uri="{BEBA8EAE-BF5A-486C-A8C5-ECC9F3942E4B}">
                <a14:imgProps xmlns:a14="http://schemas.microsoft.com/office/drawing/2010/main">
                  <a14:imgLayer r:embed="rId9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417543" flipH="1">
            <a:off x="6803697" y="1289032"/>
            <a:ext cx="1996618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41" name="Picture 3" descr="C:\Users\user000\Desktop\ICTすだちくん（JPG）\右向き.aiのコピー.jpg"/>
          <p:cNvPicPr>
            <a:picLocks noChangeAspect="1" noChangeArrowheads="1"/>
          </p:cNvPicPr>
          <p:nvPr userDrawn="1"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9957" b="100000" l="9898" r="89975">
                        <a14:foregroundMark x1="72335" y1="64935" x2="48096" y2="70563"/>
                        <a14:foregroundMark x1="76523" y1="69481" x2="48350" y2="78247"/>
                        <a14:foregroundMark x1="63325" y1="77706" x2="59137" y2="87662"/>
                        <a14:foregroundMark x1="51396" y1="79978" x2="42893" y2="88203"/>
                        <a14:foregroundMark x1="39848" y1="66775" x2="26523" y2="74351"/>
                        <a14:foregroundMark x1="19924" y1="62121" x2="25508" y2="72511"/>
                        <a14:foregroundMark x1="36802" y1="47186" x2="33249" y2="49675"/>
                      </a14:backgroundRemoval>
                    </a14:imgEffect>
                    <a14:imgEffect>
                      <a14:artisticPencilSketch/>
                    </a14:imgEffect>
                    <a14:imgEffect>
                      <a14:brightnessContrast bright="-40000" contrast="-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r="77210"/>
          <a:stretch/>
        </p:blipFill>
        <p:spPr bwMode="auto">
          <a:xfrm>
            <a:off x="8688977" y="1251948"/>
            <a:ext cx="455023" cy="234104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47828761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kumimoji="1" lang="ja-JP" alt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3846307584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ja-JP" altLang="en-US"/>
              <a:t>マスター タイトルの書式設定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/>
              <a:t>マスター テキストの書式設定</a:t>
            </a:r>
          </a:p>
          <a:p>
            <a:pPr lvl="1"/>
            <a:r>
              <a:rPr lang="ja-JP" altLang="en-US"/>
              <a:t>第 </a:t>
            </a:r>
            <a:r>
              <a:rPr lang="en-US" altLang="ja-JP"/>
              <a:t>2 </a:t>
            </a:r>
            <a:r>
              <a:rPr lang="ja-JP" altLang="en-US"/>
              <a:t>レベル</a:t>
            </a:r>
          </a:p>
          <a:p>
            <a:pPr lvl="2"/>
            <a:r>
              <a:rPr lang="ja-JP" altLang="en-US"/>
              <a:t>第 </a:t>
            </a:r>
            <a:r>
              <a:rPr lang="en-US" altLang="ja-JP"/>
              <a:t>3 </a:t>
            </a:r>
            <a:r>
              <a:rPr lang="ja-JP" altLang="en-US"/>
              <a:t>レベル</a:t>
            </a:r>
          </a:p>
          <a:p>
            <a:pPr lvl="3"/>
            <a:r>
              <a:rPr lang="ja-JP" altLang="en-US"/>
              <a:t>第 </a:t>
            </a:r>
            <a:r>
              <a:rPr lang="en-US" altLang="ja-JP"/>
              <a:t>4 </a:t>
            </a:r>
            <a:r>
              <a:rPr lang="ja-JP" altLang="en-US"/>
              <a:t>レベル</a:t>
            </a:r>
          </a:p>
          <a:p>
            <a:pPr lvl="4"/>
            <a:r>
              <a:rPr lang="ja-JP" altLang="en-US"/>
              <a:t>第 </a:t>
            </a:r>
            <a:r>
              <a:rPr lang="en-US" altLang="ja-JP"/>
              <a:t>5 </a:t>
            </a:r>
            <a:r>
              <a:rPr lang="ja-JP" altLang="en-US"/>
              <a:t>レベル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A5224366-730F-436B-A65F-E31F2C95942A}" type="datetimeFigureOut">
              <a:rPr kumimoji="1" lang="ja-JP" altLang="en-US" smtClean="0"/>
              <a:t>2022/11/14</a:t>
            </a:fld>
            <a:endParaRPr kumimoji="1" lang="ja-JP" alt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kumimoji="1" lang="ja-JP" alt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A5D876C-34DB-42E0-BB03-E378FED5EFC3}" type="slidenum">
              <a:rPr kumimoji="1" lang="ja-JP" altLang="en-US" smtClean="0"/>
              <a:t>‹#›</a:t>
            </a:fld>
            <a:endParaRPr kumimoji="1" lang="ja-JP" altLang="en-US"/>
          </a:p>
        </p:txBody>
      </p:sp>
    </p:spTree>
    <p:extLst>
      <p:ext uri="{BB962C8B-B14F-4D97-AF65-F5344CB8AC3E}">
        <p14:creationId xmlns:p14="http://schemas.microsoft.com/office/powerpoint/2010/main" val="255386847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72" r:id="rId3"/>
    <p:sldLayoutId id="2147483673" r:id="rId4"/>
    <p:sldLayoutId id="2147483674" r:id="rId5"/>
    <p:sldLayoutId id="2147483663" r:id="rId6"/>
    <p:sldLayoutId id="2147483675" r:id="rId7"/>
    <p:sldLayoutId id="2147483676" r:id="rId8"/>
    <p:sldLayoutId id="2147483664" r:id="rId9"/>
    <p:sldLayoutId id="2147483665" r:id="rId10"/>
    <p:sldLayoutId id="2147483666" r:id="rId11"/>
    <p:sldLayoutId id="2147483667" r:id="rId12"/>
    <p:sldLayoutId id="2147483668" r:id="rId13"/>
    <p:sldLayoutId id="2147483669" r:id="rId14"/>
    <p:sldLayoutId id="2147483670" r:id="rId15"/>
    <p:sldLayoutId id="2147483671" r:id="rId16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kumimoji="1" sz="4400" b="0" i="0" u="none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400" b="0" i="0" u="none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8.xml"/><Relationship Id="rId1" Type="http://schemas.openxmlformats.org/officeDocument/2006/relationships/tags" Target="../tags/tag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3.png"/><Relationship Id="rId3" Type="http://schemas.openxmlformats.org/officeDocument/2006/relationships/notesSlide" Target="../notesSlides/notesSlide2.xml"/><Relationship Id="rId7" Type="http://schemas.microsoft.com/office/2007/relationships/hdphoto" Target="../media/hdphoto5.wdp"/><Relationship Id="rId12" Type="http://schemas.openxmlformats.org/officeDocument/2006/relationships/image" Target="../media/image15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image" Target="../media/image12.png"/><Relationship Id="rId11" Type="http://schemas.microsoft.com/office/2007/relationships/hdphoto" Target="../media/hdphoto7.wdp"/><Relationship Id="rId5" Type="http://schemas.openxmlformats.org/officeDocument/2006/relationships/image" Target="../media/image11.png"/><Relationship Id="rId10" Type="http://schemas.openxmlformats.org/officeDocument/2006/relationships/image" Target="../media/image14.png"/><Relationship Id="rId4" Type="http://schemas.openxmlformats.org/officeDocument/2006/relationships/image" Target="../media/image10.png"/><Relationship Id="rId9" Type="http://schemas.microsoft.com/office/2007/relationships/hdphoto" Target="../media/hdphoto6.wdp"/></Relationships>
</file>

<file path=ppt/slides/_rels/slide3.xml.rels><?xml version="1.0" encoding="UTF-8" standalone="yes"?>
<Relationships xmlns="http://schemas.openxmlformats.org/package/2006/relationships"><Relationship Id="rId8" Type="http://schemas.microsoft.com/office/2007/relationships/hdphoto" Target="../media/hdphoto9.wdp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8.png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4.xml"/><Relationship Id="rId6" Type="http://schemas.microsoft.com/office/2007/relationships/hdphoto" Target="../media/hdphoto8.wdp"/><Relationship Id="rId11" Type="http://schemas.openxmlformats.org/officeDocument/2006/relationships/image" Target="../media/image21.png"/><Relationship Id="rId5" Type="http://schemas.openxmlformats.org/officeDocument/2006/relationships/image" Target="../media/image17.png"/><Relationship Id="rId10" Type="http://schemas.openxmlformats.org/officeDocument/2006/relationships/image" Target="../media/image20.png"/><Relationship Id="rId4" Type="http://schemas.openxmlformats.org/officeDocument/2006/relationships/image" Target="../media/image16.png"/><Relationship Id="rId9" Type="http://schemas.openxmlformats.org/officeDocument/2006/relationships/image" Target="../media/image19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2.png"/><Relationship Id="rId13" Type="http://schemas.openxmlformats.org/officeDocument/2006/relationships/image" Target="../media/image25.png"/><Relationship Id="rId3" Type="http://schemas.openxmlformats.org/officeDocument/2006/relationships/notesSlide" Target="../notesSlides/notesSlide4.xml"/><Relationship Id="rId7" Type="http://schemas.microsoft.com/office/2007/relationships/hdphoto" Target="../media/hdphoto10.wdp"/><Relationship Id="rId12" Type="http://schemas.microsoft.com/office/2007/relationships/hdphoto" Target="../media/hdphoto11.wdp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5.xml"/><Relationship Id="rId6" Type="http://schemas.openxmlformats.org/officeDocument/2006/relationships/image" Target="../media/image22.png"/><Relationship Id="rId11" Type="http://schemas.openxmlformats.org/officeDocument/2006/relationships/image" Target="../media/image24.png"/><Relationship Id="rId5" Type="http://schemas.microsoft.com/office/2007/relationships/hdphoto" Target="../media/hdphoto6.wdp"/><Relationship Id="rId10" Type="http://schemas.openxmlformats.org/officeDocument/2006/relationships/image" Target="../media/image23.png"/><Relationship Id="rId4" Type="http://schemas.openxmlformats.org/officeDocument/2006/relationships/image" Target="../media/image13.png"/><Relationship Id="rId9" Type="http://schemas.microsoft.com/office/2007/relationships/hdphoto" Target="../media/hdphoto5.wdp"/><Relationship Id="rId14" Type="http://schemas.openxmlformats.org/officeDocument/2006/relationships/image" Target="../media/image15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7" Type="http://schemas.openxmlformats.org/officeDocument/2006/relationships/image" Target="../media/image28.png"/><Relationship Id="rId2" Type="http://schemas.openxmlformats.org/officeDocument/2006/relationships/slideLayout" Target="../slideLayouts/slideLayout3.xml"/><Relationship Id="rId1" Type="http://schemas.openxmlformats.org/officeDocument/2006/relationships/tags" Target="../tags/tag6.xml"/><Relationship Id="rId6" Type="http://schemas.openxmlformats.org/officeDocument/2006/relationships/image" Target="../media/image27.png"/><Relationship Id="rId5" Type="http://schemas.microsoft.com/office/2007/relationships/hdphoto" Target="../media/hdphoto12.wdp"/><Relationship Id="rId4" Type="http://schemas.openxmlformats.org/officeDocument/2006/relationships/image" Target="../media/image26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6.xml"/><Relationship Id="rId2" Type="http://schemas.openxmlformats.org/officeDocument/2006/relationships/slideLayout" Target="../slideLayouts/slideLayout5.xml"/><Relationship Id="rId1" Type="http://schemas.openxmlformats.org/officeDocument/2006/relationships/tags" Target="../tags/tag7.xml"/><Relationship Id="rId5" Type="http://schemas.openxmlformats.org/officeDocument/2006/relationships/image" Target="../media/image11.png"/><Relationship Id="rId4" Type="http://schemas.openxmlformats.org/officeDocument/2006/relationships/image" Target="../media/image29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>
          <a:xfrm>
            <a:off x="1627554" y="3751206"/>
            <a:ext cx="7516446" cy="2914424"/>
          </a:xfrm>
        </p:spPr>
        <p:txBody>
          <a:bodyPr>
            <a:normAutofit/>
          </a:bodyPr>
          <a:lstStyle/>
          <a:p>
            <a:r>
              <a:rPr lang="ja-JP" altLang="en-US" sz="4000" dirty="0"/>
              <a:t>だい</a:t>
            </a:r>
            <a:r>
              <a:rPr lang="en-US" altLang="ja-JP" sz="4000" dirty="0"/>
              <a:t>23</a:t>
            </a:r>
            <a:r>
              <a:rPr lang="ja-JP" altLang="en-US" sz="4000" dirty="0"/>
              <a:t>話 </a:t>
            </a:r>
            <a:r>
              <a:rPr lang="ja-JP" altLang="en-US" dirty="0"/>
              <a:t>ネットゲームの</a:t>
            </a:r>
            <a:br>
              <a:rPr lang="en-US" altLang="ja-JP" dirty="0"/>
            </a:br>
            <a:r>
              <a:rPr lang="ja-JP" altLang="en-US" dirty="0"/>
              <a:t>　やりすぎはダメ！③</a:t>
            </a:r>
            <a:br>
              <a:rPr lang="en-US" altLang="ja-JP" sz="4000" dirty="0"/>
            </a:br>
            <a:r>
              <a:rPr lang="ja-JP" altLang="en-US" sz="4000" dirty="0"/>
              <a:t>　（ルール・マナー）</a:t>
            </a:r>
          </a:p>
        </p:txBody>
      </p:sp>
      <p:sp>
        <p:nvSpPr>
          <p:cNvPr id="6" name="テキスト プレースホルダー 5"/>
          <p:cNvSpPr>
            <a:spLocks noGrp="1"/>
          </p:cNvSpPr>
          <p:nvPr>
            <p:ph type="body" sz="quarter" idx="13"/>
          </p:nvPr>
        </p:nvSpPr>
        <p:spPr/>
        <p:txBody>
          <a:bodyPr/>
          <a:lstStyle/>
          <a:p>
            <a:r>
              <a:rPr lang="ja-JP" altLang="en-US" dirty="0"/>
              <a:t>情報モラル教育</a:t>
            </a:r>
          </a:p>
        </p:txBody>
      </p:sp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7FD7AD18-CEFE-9B4E-9EF8-F1A6E0F24301}"/>
              </a:ext>
            </a:extLst>
          </p:cNvPr>
          <p:cNvSpPr txBox="1"/>
          <p:nvPr/>
        </p:nvSpPr>
        <p:spPr>
          <a:xfrm>
            <a:off x="3331359" y="3802652"/>
            <a:ext cx="802491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dist"/>
            <a:r>
              <a:rPr kumimoji="1" lang="ja-JP" altLang="en-US" dirty="0">
                <a:solidFill>
                  <a:schemeClr val="accent6">
                    <a:lumMod val="7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わ</a:t>
            </a:r>
          </a:p>
        </p:txBody>
      </p:sp>
      <p:sp>
        <p:nvSpPr>
          <p:cNvPr id="4" name="テキスト ボックス 3">
            <a:extLst>
              <a:ext uri="{FF2B5EF4-FFF2-40B4-BE49-F238E27FC236}">
                <a16:creationId xmlns:a16="http://schemas.microsoft.com/office/drawing/2014/main" id="{C4AD69F2-482A-91FC-C716-A8009C76DC15}"/>
              </a:ext>
            </a:extLst>
          </p:cNvPr>
          <p:cNvSpPr txBox="1"/>
          <p:nvPr/>
        </p:nvSpPr>
        <p:spPr>
          <a:xfrm>
            <a:off x="166663" y="4757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ょうほう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9B5158BA-98B3-904D-8C92-C27755AE3621}"/>
              </a:ext>
            </a:extLst>
          </p:cNvPr>
          <p:cNvSpPr txBox="1"/>
          <p:nvPr/>
        </p:nvSpPr>
        <p:spPr>
          <a:xfrm>
            <a:off x="1693203" y="47572"/>
            <a:ext cx="77313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614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ょういく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793317274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23. </a:t>
            </a:r>
            <a:r>
              <a:rPr lang="ja-JP" altLang="en-US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ネットゲームのやりすぎはダメ！③（ルール・マナー）</a:t>
            </a:r>
            <a:endParaRPr lang="ja-JP" altLang="en-US" dirty="0"/>
          </a:p>
        </p:txBody>
      </p:sp>
      <p:sp>
        <p:nvSpPr>
          <p:cNvPr id="37" name="二等辺三角形 36">
            <a:extLst>
              <a:ext uri="{FF2B5EF4-FFF2-40B4-BE49-F238E27FC236}">
                <a16:creationId xmlns:a16="http://schemas.microsoft.com/office/drawing/2014/main" id="{4E137CDA-1F76-4199-8BFD-5D471F7ECF85}"/>
              </a:ext>
            </a:extLst>
          </p:cNvPr>
          <p:cNvSpPr/>
          <p:nvPr/>
        </p:nvSpPr>
        <p:spPr>
          <a:xfrm rot="16668147">
            <a:off x="5471508" y="6009310"/>
            <a:ext cx="253200" cy="442212"/>
          </a:xfrm>
          <a:prstGeom prst="triangle">
            <a:avLst/>
          </a:prstGeom>
          <a:solidFill>
            <a:srgbClr val="70645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tIns="72000" rtlCol="0" anchor="ctr"/>
          <a:lstStyle/>
          <a:p>
            <a:pPr algn="ctr"/>
            <a:endParaRPr kumimoji="1" lang="ja-JP" altLang="en-US"/>
          </a:p>
        </p:txBody>
      </p:sp>
      <p:sp>
        <p:nvSpPr>
          <p:cNvPr id="42" name="テキスト ボックス 41">
            <a:extLst>
              <a:ext uri="{FF2B5EF4-FFF2-40B4-BE49-F238E27FC236}">
                <a16:creationId xmlns:a16="http://schemas.microsoft.com/office/drawing/2014/main" id="{F0ABA298-B2C2-4EF1-9D2D-E43F300AEA15}"/>
              </a:ext>
            </a:extLst>
          </p:cNvPr>
          <p:cNvSpPr txBox="1"/>
          <p:nvPr/>
        </p:nvSpPr>
        <p:spPr>
          <a:xfrm>
            <a:off x="68349" y="1048261"/>
            <a:ext cx="8974052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よる８時からオンラインゲームをしようと、鳴門くんは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みんなに呼びかけました。</a:t>
            </a:r>
          </a:p>
        </p:txBody>
      </p:sp>
      <p:sp>
        <p:nvSpPr>
          <p:cNvPr id="43" name="角丸四角形 40">
            <a:extLst>
              <a:ext uri="{FF2B5EF4-FFF2-40B4-BE49-F238E27FC236}">
                <a16:creationId xmlns:a16="http://schemas.microsoft.com/office/drawing/2014/main" id="{E2C54592-A7C7-4F9E-8DDB-96A1CACCDA68}"/>
              </a:ext>
            </a:extLst>
          </p:cNvPr>
          <p:cNvSpPr/>
          <p:nvPr/>
        </p:nvSpPr>
        <p:spPr>
          <a:xfrm>
            <a:off x="5681101" y="3132843"/>
            <a:ext cx="3194582" cy="3400425"/>
          </a:xfrm>
          <a:prstGeom prst="roundRect">
            <a:avLst>
              <a:gd name="adj" fmla="val 7373"/>
            </a:avLst>
          </a:prstGeom>
          <a:solidFill>
            <a:schemeClr val="bg1">
              <a:lumMod val="95000"/>
            </a:schemeClr>
          </a:solidFill>
          <a:ln w="76200" cmpd="sng">
            <a:solidFill>
              <a:srgbClr val="70645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ja-JP"/>
            </a:defPPr>
            <a:lvl1pPr marL="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ja-JP" altLang="en-US" dirty="0"/>
          </a:p>
        </p:txBody>
      </p:sp>
      <p:pic>
        <p:nvPicPr>
          <p:cNvPr id="87" name="図 86">
            <a:extLst>
              <a:ext uri="{FF2B5EF4-FFF2-40B4-BE49-F238E27FC236}">
                <a16:creationId xmlns:a16="http://schemas.microsoft.com/office/drawing/2014/main" id="{9D913B64-D82E-3847-84EC-1AE63DCBBBBC}"/>
              </a:ext>
            </a:extLst>
          </p:cNvPr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-313949" y="3084327"/>
            <a:ext cx="3873500" cy="3860800"/>
          </a:xfrm>
          <a:prstGeom prst="rect">
            <a:avLst/>
          </a:prstGeom>
        </p:spPr>
      </p:pic>
      <p:pic>
        <p:nvPicPr>
          <p:cNvPr id="57" name="図 56">
            <a:extLst>
              <a:ext uri="{FF2B5EF4-FFF2-40B4-BE49-F238E27FC236}">
                <a16:creationId xmlns:a16="http://schemas.microsoft.com/office/drawing/2014/main" id="{A016C010-924A-4B9E-9891-F371BB069E12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90310" y="3832658"/>
            <a:ext cx="1692289" cy="1650505"/>
          </a:xfrm>
          <a:prstGeom prst="rect">
            <a:avLst/>
          </a:prstGeom>
        </p:spPr>
      </p:pic>
      <p:grpSp>
        <p:nvGrpSpPr>
          <p:cNvPr id="3" name="グループ化 2">
            <a:extLst>
              <a:ext uri="{FF2B5EF4-FFF2-40B4-BE49-F238E27FC236}">
                <a16:creationId xmlns:a16="http://schemas.microsoft.com/office/drawing/2014/main" id="{37135B64-01F9-4C7C-A3A2-90AC6ECAD198}"/>
              </a:ext>
            </a:extLst>
          </p:cNvPr>
          <p:cNvGrpSpPr/>
          <p:nvPr/>
        </p:nvGrpSpPr>
        <p:grpSpPr>
          <a:xfrm>
            <a:off x="5837157" y="3257661"/>
            <a:ext cx="3049374" cy="1061830"/>
            <a:chOff x="5837157" y="3257661"/>
            <a:chExt cx="3049374" cy="1061830"/>
          </a:xfrm>
        </p:grpSpPr>
        <p:sp>
          <p:nvSpPr>
            <p:cNvPr id="52" name="円/楕円 26">
              <a:extLst>
                <a:ext uri="{FF2B5EF4-FFF2-40B4-BE49-F238E27FC236}">
                  <a16:creationId xmlns:a16="http://schemas.microsoft.com/office/drawing/2014/main" id="{DBCB29AE-BC95-45ED-BF14-9C5D2EEC03C6}"/>
                </a:ext>
              </a:extLst>
            </p:cNvPr>
            <p:cNvSpPr/>
            <p:nvPr/>
          </p:nvSpPr>
          <p:spPr>
            <a:xfrm>
              <a:off x="5837157" y="3369649"/>
              <a:ext cx="858462" cy="858462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 w="28575" cmpd="sng">
              <a:solidFill>
                <a:srgbClr val="706453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>
              <a:defPPr>
                <a:defRPr lang="ja-JP"/>
              </a:defPPr>
              <a:lvl1pPr marL="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algn="ctr"/>
              <a:endParaRPr lang="ja-JP" altLang="en-US"/>
            </a:p>
          </p:txBody>
        </p:sp>
        <p:pic>
          <p:nvPicPr>
            <p:cNvPr id="58" name="図 57">
              <a:extLst>
                <a:ext uri="{FF2B5EF4-FFF2-40B4-BE49-F238E27FC236}">
                  <a16:creationId xmlns:a16="http://schemas.microsoft.com/office/drawing/2014/main" id="{76E61C48-7BEA-44B8-AD14-628C6CAC112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6" cstate="print">
              <a:extLst>
                <a:ext uri="{BEBA8EAE-BF5A-486C-A8C5-ECC9F3942E4B}">
                  <a14:imgProps xmlns:a14="http://schemas.microsoft.com/office/drawing/2010/main">
                    <a14:imgLayer r:embed="rId7">
                      <a14:imgEffect>
                        <a14:backgroundRemoval t="61600" b="84400" l="25400" r="48600">
                          <a14:foregroundMark x1="30600" y1="80800" x2="34000" y2="83400"/>
                          <a14:backgroundMark x1="29200" y1="83000" x2="31800" y2="86400"/>
                          <a14:backgroundMark x1="30600" y1="82800" x2="33000" y2="84600"/>
                        </a14:backgroundRemoval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5420" t="61695" r="50117" b="15854"/>
            <a:stretch/>
          </p:blipFill>
          <p:spPr>
            <a:xfrm rot="20153822">
              <a:off x="5874944" y="3398900"/>
              <a:ext cx="792863" cy="727673"/>
            </a:xfrm>
            <a:prstGeom prst="rect">
              <a:avLst/>
            </a:prstGeom>
            <a:noFill/>
            <a:ln>
              <a:noFill/>
            </a:ln>
            <a:effectLst/>
          </p:spPr>
        </p:pic>
        <p:sp>
          <p:nvSpPr>
            <p:cNvPr id="63" name="吹き出し: 角を丸めた四角形 62">
              <a:extLst>
                <a:ext uri="{FF2B5EF4-FFF2-40B4-BE49-F238E27FC236}">
                  <a16:creationId xmlns:a16="http://schemas.microsoft.com/office/drawing/2014/main" id="{9316945B-958E-4621-BCA3-0B09E625BFF6}"/>
                </a:ext>
              </a:extLst>
            </p:cNvPr>
            <p:cNvSpPr/>
            <p:nvPr/>
          </p:nvSpPr>
          <p:spPr>
            <a:xfrm>
              <a:off x="6820374" y="3257661"/>
              <a:ext cx="1915131" cy="1061830"/>
            </a:xfrm>
            <a:prstGeom prst="wedgeRoundRectCallout">
              <a:avLst>
                <a:gd name="adj1" fmla="val -63569"/>
                <a:gd name="adj2" fmla="val 17781"/>
                <a:gd name="adj3" fmla="val 16667"/>
              </a:avLst>
            </a:prstGeom>
            <a:solidFill>
              <a:schemeClr val="bg1">
                <a:lumMod val="95000"/>
              </a:schemeClr>
            </a:solidFill>
            <a:ln>
              <a:solidFill>
                <a:schemeClr val="tx1"/>
              </a:solidFill>
            </a:ln>
            <a:scene3d>
              <a:camera prst="orthographicFront">
                <a:rot lat="0" lon="0" rev="0"/>
              </a:camera>
              <a:lightRig rig="threePt" dir="t"/>
            </a:scene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 dirty="0">
                <a:solidFill>
                  <a:schemeClr val="tx1"/>
                </a:solidFill>
              </a:endParaRPr>
            </a:p>
          </p:txBody>
        </p:sp>
        <p:sp>
          <p:nvSpPr>
            <p:cNvPr id="64" name="テキスト ボックス 41">
              <a:extLst>
                <a:ext uri="{FF2B5EF4-FFF2-40B4-BE49-F238E27FC236}">
                  <a16:creationId xmlns:a16="http://schemas.microsoft.com/office/drawing/2014/main" id="{7DC7DD9B-E70D-43E2-B4CA-AC1C1A6CE208}"/>
                </a:ext>
              </a:extLst>
            </p:cNvPr>
            <p:cNvSpPr txBox="1"/>
            <p:nvPr/>
          </p:nvSpPr>
          <p:spPr>
            <a:xfrm>
              <a:off x="6849630" y="3396160"/>
              <a:ext cx="2036901" cy="923330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ja-JP"/>
              </a:defPPr>
              <a:lvl1pPr marL="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ja-JP" altLang="en-US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今日のよる</a:t>
              </a:r>
              <a:r>
                <a:rPr lang="en-US" altLang="ja-JP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8</a:t>
              </a:r>
              <a:r>
                <a:rPr lang="ja-JP" altLang="en-US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時から</a:t>
              </a:r>
              <a:endParaRPr lang="en-US" altLang="ja-JP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endParaRPr>
            </a:p>
            <a:p>
              <a:r>
                <a:rPr lang="ja-JP" altLang="en-US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すだちくんオンラインやろうよ！</a:t>
              </a:r>
            </a:p>
          </p:txBody>
        </p:sp>
      </p:grpSp>
      <p:grpSp>
        <p:nvGrpSpPr>
          <p:cNvPr id="4" name="グループ化 3">
            <a:extLst>
              <a:ext uri="{FF2B5EF4-FFF2-40B4-BE49-F238E27FC236}">
                <a16:creationId xmlns:a16="http://schemas.microsoft.com/office/drawing/2014/main" id="{3FDA892A-5C31-4B1C-9B70-563571C515D0}"/>
              </a:ext>
            </a:extLst>
          </p:cNvPr>
          <p:cNvGrpSpPr/>
          <p:nvPr/>
        </p:nvGrpSpPr>
        <p:grpSpPr>
          <a:xfrm>
            <a:off x="5837157" y="4403613"/>
            <a:ext cx="3035102" cy="858462"/>
            <a:chOff x="5837157" y="4403613"/>
            <a:chExt cx="3035102" cy="858462"/>
          </a:xfrm>
        </p:grpSpPr>
        <p:sp>
          <p:nvSpPr>
            <p:cNvPr id="59" name="円/楕円 26">
              <a:extLst>
                <a:ext uri="{FF2B5EF4-FFF2-40B4-BE49-F238E27FC236}">
                  <a16:creationId xmlns:a16="http://schemas.microsoft.com/office/drawing/2014/main" id="{9C477937-8B81-46D1-99A4-8F93DBBFA71E}"/>
                </a:ext>
              </a:extLst>
            </p:cNvPr>
            <p:cNvSpPr/>
            <p:nvPr/>
          </p:nvSpPr>
          <p:spPr>
            <a:xfrm>
              <a:off x="5837157" y="4403613"/>
              <a:ext cx="858462" cy="858462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 w="28575" cmpd="sng">
              <a:solidFill>
                <a:srgbClr val="706453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>
              <a:defPPr>
                <a:defRPr lang="ja-JP"/>
              </a:defPPr>
              <a:lvl1pPr marL="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algn="ctr"/>
              <a:endParaRPr lang="ja-JP" altLang="en-US"/>
            </a:p>
          </p:txBody>
        </p:sp>
        <p:pic>
          <p:nvPicPr>
            <p:cNvPr id="62" name="図 61" descr="人形, おもちゃ, 挿絵, 時計 が含まれている画像&#10;&#10;自動的に生成された説明">
              <a:extLst>
                <a:ext uri="{FF2B5EF4-FFF2-40B4-BE49-F238E27FC236}">
                  <a16:creationId xmlns:a16="http://schemas.microsoft.com/office/drawing/2014/main" id="{0924895F-48D1-4EDD-96F3-AAFEF6E832E9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8" cstate="print">
              <a:extLst>
                <a:ext uri="{BEBA8EAE-BF5A-486C-A8C5-ECC9F3942E4B}">
                  <a14:imgProps xmlns:a14="http://schemas.microsoft.com/office/drawing/2010/main">
                    <a14:imgLayer r:embed="rId9">
                      <a14:imgEffect>
                        <a14:backgroundRemoval t="16000" b="55875" l="43375" r="81625">
                          <a14:foregroundMark x1="53375" y1="31500" x2="56125" y2="44750"/>
                          <a14:foregroundMark x1="72500" y1="32875" x2="70625" y2="44375"/>
                          <a14:foregroundMark x1="59250" y1="51250" x2="67500" y2="51750"/>
                        </a14:backgroundRemoval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3087" t="15210" r="17973" b="43453"/>
            <a:stretch/>
          </p:blipFill>
          <p:spPr>
            <a:xfrm>
              <a:off x="5900258" y="4455250"/>
              <a:ext cx="724567" cy="769181"/>
            </a:xfrm>
            <a:prstGeom prst="rect">
              <a:avLst/>
            </a:prstGeom>
            <a:effectLst/>
          </p:spPr>
        </p:pic>
        <p:sp>
          <p:nvSpPr>
            <p:cNvPr id="65" name="吹き出し: 角を丸めた四角形 64">
              <a:extLst>
                <a:ext uri="{FF2B5EF4-FFF2-40B4-BE49-F238E27FC236}">
                  <a16:creationId xmlns:a16="http://schemas.microsoft.com/office/drawing/2014/main" id="{5CE38065-8B47-42C5-85EE-8EBEDF11DDBE}"/>
                </a:ext>
              </a:extLst>
            </p:cNvPr>
            <p:cNvSpPr/>
            <p:nvPr/>
          </p:nvSpPr>
          <p:spPr>
            <a:xfrm>
              <a:off x="6820374" y="4449283"/>
              <a:ext cx="1915131" cy="802285"/>
            </a:xfrm>
            <a:prstGeom prst="wedgeRoundRectCallout">
              <a:avLst>
                <a:gd name="adj1" fmla="val -62243"/>
                <a:gd name="adj2" fmla="val 20334"/>
                <a:gd name="adj3" fmla="val 16667"/>
              </a:avLst>
            </a:prstGeom>
            <a:solidFill>
              <a:schemeClr val="bg1">
                <a:lumMod val="95000"/>
              </a:schemeClr>
            </a:solidFill>
            <a:ln>
              <a:solidFill>
                <a:schemeClr val="tx1"/>
              </a:solidFill>
            </a:ln>
            <a:scene3d>
              <a:camera prst="orthographicFront">
                <a:rot lat="0" lon="0" rev="0"/>
              </a:camera>
              <a:lightRig rig="threePt" dir="t"/>
            </a:scene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 dirty="0">
                <a:solidFill>
                  <a:schemeClr val="tx1"/>
                </a:solidFill>
              </a:endParaRPr>
            </a:p>
          </p:txBody>
        </p:sp>
        <p:sp>
          <p:nvSpPr>
            <p:cNvPr id="66" name="テキスト ボックス 41">
              <a:extLst>
                <a:ext uri="{FF2B5EF4-FFF2-40B4-BE49-F238E27FC236}">
                  <a16:creationId xmlns:a16="http://schemas.microsoft.com/office/drawing/2014/main" id="{695E0D07-0E92-4557-BB09-16BC7D092278}"/>
                </a:ext>
              </a:extLst>
            </p:cNvPr>
            <p:cNvSpPr txBox="1"/>
            <p:nvPr/>
          </p:nvSpPr>
          <p:spPr>
            <a:xfrm>
              <a:off x="6835358" y="4658385"/>
              <a:ext cx="2036901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ja-JP"/>
              </a:defPPr>
              <a:lvl1pPr marL="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ja-JP" altLang="en-US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オッケー</a:t>
              </a:r>
            </a:p>
          </p:txBody>
        </p:sp>
      </p:grpSp>
      <p:pic>
        <p:nvPicPr>
          <p:cNvPr id="76" name="図 75">
            <a:extLst>
              <a:ext uri="{FF2B5EF4-FFF2-40B4-BE49-F238E27FC236}">
                <a16:creationId xmlns:a16="http://schemas.microsoft.com/office/drawing/2014/main" id="{61B16735-0DE2-4424-B719-90FADAC8C23A}"/>
              </a:ext>
            </a:extLst>
          </p:cNvPr>
          <p:cNvPicPr>
            <a:picLocks noChangeAspect="1"/>
          </p:cNvPicPr>
          <p:nvPr/>
        </p:nvPicPr>
        <p:blipFill rotWithShape="1">
          <a:blip r:embed="rId10" cstate="print">
            <a:extLst>
              <a:ext uri="{BEBA8EAE-BF5A-486C-A8C5-ECC9F3942E4B}">
                <a14:imgProps xmlns:a14="http://schemas.microsoft.com/office/drawing/2010/main">
                  <a14:imgLayer r:embed="rId11">
                    <a14:imgEffect>
                      <a14:backgroundRemoval t="11250" b="59875" l="42125" r="72750">
                        <a14:foregroundMark x1="56000" y1="30625" x2="59875" y2="26375"/>
                        <a14:foregroundMark x1="50500" y1="31250" x2="50500" y2="28625"/>
                        <a14:foregroundMark x1="50000" y1="27125" x2="50625" y2="35750"/>
                        <a14:foregroundMark x1="50750" y1="34875" x2="54875" y2="39750"/>
                        <a14:foregroundMark x1="44375" y1="38250" x2="47625" y2="48000"/>
                        <a14:foregroundMark x1="46125" y1="44500" x2="46750" y2="51750"/>
                        <a14:foregroundMark x1="44250" y1="43500" x2="46250" y2="48000"/>
                        <a14:foregroundMark x1="49625" y1="53625" x2="47250" y2="47875"/>
                        <a14:foregroundMark x1="54000" y1="58375" x2="58625" y2="58625"/>
                        <a14:foregroundMark x1="53625" y1="57875" x2="51250" y2="56625"/>
                        <a14:foregroundMark x1="53375" y1="57875" x2="51000" y2="58125"/>
                        <a14:foregroundMark x1="65875" y1="31000" x2="61000" y2="37250"/>
                        <a14:foregroundMark x1="65000" y1="38375" x2="70125" y2="45375"/>
                        <a14:foregroundMark x1="62000" y1="35875" x2="66500" y2="39750"/>
                        <a14:foregroundMark x1="69750" y1="43000" x2="70375" y2="54125"/>
                        <a14:foregroundMark x1="70875" y1="45625" x2="70375" y2="54500"/>
                        <a14:foregroundMark x1="50000" y1="42500" x2="53375" y2="38875"/>
                        <a14:foregroundMark x1="50500" y1="39625" x2="51500" y2="44125"/>
                        <a14:foregroundMark x1="49500" y1="39750" x2="45625" y2="40250"/>
                        <a14:foregroundMark x1="47375" y1="52250" x2="49625" y2="56500"/>
                        <a14:foregroundMark x1="46250" y1="53750" x2="49125" y2="53500"/>
                        <a14:foregroundMark x1="55750" y1="32625" x2="61000" y2="26750"/>
                        <a14:foregroundMark x1="51625" y1="56125" x2="47750" y2="55125"/>
                        <a14:foregroundMark x1="70000" y1="53875" x2="68875" y2="56125"/>
                        <a14:backgroundMark x1="68375" y1="57875" x2="69875" y2="57000"/>
                        <a14:backgroundMark x1="50250" y1="58375" x2="50250" y2="62625"/>
                        <a14:backgroundMark x1="70875" y1="54375" x2="70000" y2="55625"/>
                        <a14:backgroundMark x1="69750" y1="55375" x2="70375" y2="54125"/>
                        <a14:backgroundMark x1="69000" y1="56875" x2="69625" y2="55625"/>
                        <a14:backgroundMark x1="68875" y1="56625" x2="69500" y2="55500"/>
                        <a14:backgroundMark x1="69750" y1="55750" x2="69625" y2="55125"/>
                        <a14:backgroundMark x1="70625" y1="54000" x2="70000" y2="56125"/>
                      </a14:backgroundRemoval>
                    </a14:imgEffect>
                    <a14:imgEffect>
                      <a14:colorTemperature colorTemp="7200"/>
                    </a14:imgEffect>
                    <a14:imgEffect>
                      <a14:saturation sat="66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43237" t="12133" r="29042" b="40809"/>
          <a:stretch/>
        </p:blipFill>
        <p:spPr>
          <a:xfrm>
            <a:off x="3346880" y="3665241"/>
            <a:ext cx="1890227" cy="320885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77" name="グループ化 76">
            <a:extLst>
              <a:ext uri="{FF2B5EF4-FFF2-40B4-BE49-F238E27FC236}">
                <a16:creationId xmlns:a16="http://schemas.microsoft.com/office/drawing/2014/main" id="{CF7BE01F-A20B-4382-AE0E-E80B07EBD2CF}"/>
              </a:ext>
            </a:extLst>
          </p:cNvPr>
          <p:cNvGrpSpPr/>
          <p:nvPr/>
        </p:nvGrpSpPr>
        <p:grpSpPr>
          <a:xfrm rot="242145">
            <a:off x="1060389" y="2067925"/>
            <a:ext cx="3987613" cy="2207470"/>
            <a:chOff x="212667" y="2609370"/>
            <a:chExt cx="3987613" cy="2207470"/>
          </a:xfrm>
        </p:grpSpPr>
        <p:sp>
          <p:nvSpPr>
            <p:cNvPr id="78" name="円/楕円 19">
              <a:extLst>
                <a:ext uri="{FF2B5EF4-FFF2-40B4-BE49-F238E27FC236}">
                  <a16:creationId xmlns:a16="http://schemas.microsoft.com/office/drawing/2014/main" id="{5B9F247A-B347-4A50-92FD-F1BC5C19318E}"/>
                </a:ext>
              </a:extLst>
            </p:cNvPr>
            <p:cNvSpPr/>
            <p:nvPr/>
          </p:nvSpPr>
          <p:spPr>
            <a:xfrm>
              <a:off x="2392083" y="4601035"/>
              <a:ext cx="183844" cy="171240"/>
            </a:xfrm>
            <a:prstGeom prst="ellipse">
              <a:avLst/>
            </a:prstGeom>
            <a:solidFill>
              <a:srgbClr val="FFFFFF"/>
            </a:solidFill>
            <a:ln w="3810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>
                <a:solidFill>
                  <a:schemeClr val="lt1"/>
                </a:solidFill>
              </a:endParaRPr>
            </a:p>
          </p:txBody>
        </p:sp>
        <p:sp>
          <p:nvSpPr>
            <p:cNvPr id="79" name="雲 31">
              <a:extLst>
                <a:ext uri="{FF2B5EF4-FFF2-40B4-BE49-F238E27FC236}">
                  <a16:creationId xmlns:a16="http://schemas.microsoft.com/office/drawing/2014/main" id="{D555F518-6F70-47C2-8248-26561A53F18F}"/>
                </a:ext>
              </a:extLst>
            </p:cNvPr>
            <p:cNvSpPr/>
            <p:nvPr/>
          </p:nvSpPr>
          <p:spPr>
            <a:xfrm rot="197991">
              <a:off x="212667" y="2609370"/>
              <a:ext cx="3302439" cy="1727654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solidFill>
              <a:srgbClr val="FFFFFF"/>
            </a:solidFill>
            <a:ln w="5080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>
                <a:solidFill>
                  <a:schemeClr val="lt1"/>
                </a:solidFill>
              </a:endParaRPr>
            </a:p>
          </p:txBody>
        </p:sp>
        <p:sp>
          <p:nvSpPr>
            <p:cNvPr id="80" name="円/楕円 21">
              <a:extLst>
                <a:ext uri="{FF2B5EF4-FFF2-40B4-BE49-F238E27FC236}">
                  <a16:creationId xmlns:a16="http://schemas.microsoft.com/office/drawing/2014/main" id="{4004D47D-9FBD-48A5-B8D4-FD091D661129}"/>
                </a:ext>
              </a:extLst>
            </p:cNvPr>
            <p:cNvSpPr/>
            <p:nvPr/>
          </p:nvSpPr>
          <p:spPr>
            <a:xfrm>
              <a:off x="2078962" y="4339504"/>
              <a:ext cx="279400" cy="260245"/>
            </a:xfrm>
            <a:prstGeom prst="ellipse">
              <a:avLst/>
            </a:prstGeom>
            <a:solidFill>
              <a:srgbClr val="FFFFFF"/>
            </a:solidFill>
            <a:ln w="3810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>
                <a:solidFill>
                  <a:schemeClr val="lt1"/>
                </a:solidFill>
              </a:endParaRPr>
            </a:p>
          </p:txBody>
        </p:sp>
        <p:sp>
          <p:nvSpPr>
            <p:cNvPr id="81" name="円/楕円 22">
              <a:extLst>
                <a:ext uri="{FF2B5EF4-FFF2-40B4-BE49-F238E27FC236}">
                  <a16:creationId xmlns:a16="http://schemas.microsoft.com/office/drawing/2014/main" id="{4A7390C3-79BF-4B42-BA87-CB438DC43597}"/>
                </a:ext>
              </a:extLst>
            </p:cNvPr>
            <p:cNvSpPr/>
            <p:nvPr/>
          </p:nvSpPr>
          <p:spPr>
            <a:xfrm>
              <a:off x="2652921" y="4706676"/>
              <a:ext cx="118273" cy="110164"/>
            </a:xfrm>
            <a:prstGeom prst="ellipse">
              <a:avLst/>
            </a:prstGeom>
            <a:solidFill>
              <a:srgbClr val="FFFFFF"/>
            </a:solidFill>
            <a:ln w="3810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>
                <a:solidFill>
                  <a:schemeClr val="lt1"/>
                </a:solidFill>
              </a:endParaRPr>
            </a:p>
          </p:txBody>
        </p:sp>
        <p:sp>
          <p:nvSpPr>
            <p:cNvPr id="82" name="正方形/長方形 81">
              <a:extLst>
                <a:ext uri="{FF2B5EF4-FFF2-40B4-BE49-F238E27FC236}">
                  <a16:creationId xmlns:a16="http://schemas.microsoft.com/office/drawing/2014/main" id="{75B4E5C6-4C30-4C7A-AC0D-4ECA81F07194}"/>
                </a:ext>
              </a:extLst>
            </p:cNvPr>
            <p:cNvSpPr/>
            <p:nvPr/>
          </p:nvSpPr>
          <p:spPr>
            <a:xfrm rot="21434422">
              <a:off x="578234" y="3144145"/>
              <a:ext cx="3622046" cy="830997"/>
            </a:xfrm>
            <a:prstGeom prst="rect">
              <a:avLst/>
            </a:prstGeom>
          </p:spPr>
          <p:txBody>
            <a:bodyPr wrap="square">
              <a:spAutoFit/>
            </a:bodyPr>
            <a:lstStyle/>
            <a:p>
              <a:pPr lvl="0"/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鳴門くんから</a:t>
              </a:r>
              <a:endParaRPr lang="en-US" altLang="ja-JP" sz="24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lvl="0"/>
              <a:r>
                <a:rPr lang="ja-JP" altLang="en-US" sz="24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ゲームのさそいだ</a:t>
              </a:r>
              <a:endParaRPr lang="en-US" altLang="ja-JP" sz="24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sp>
        <p:nvSpPr>
          <p:cNvPr id="84" name="二等辺三角形 83">
            <a:extLst>
              <a:ext uri="{FF2B5EF4-FFF2-40B4-BE49-F238E27FC236}">
                <a16:creationId xmlns:a16="http://schemas.microsoft.com/office/drawing/2014/main" id="{6801126E-E2D9-437A-8657-20755666091F}"/>
              </a:ext>
            </a:extLst>
          </p:cNvPr>
          <p:cNvSpPr/>
          <p:nvPr/>
        </p:nvSpPr>
        <p:spPr>
          <a:xfrm rot="11663705">
            <a:off x="6521037" y="2792539"/>
            <a:ext cx="253200" cy="636336"/>
          </a:xfrm>
          <a:prstGeom prst="triangle">
            <a:avLst>
              <a:gd name="adj" fmla="val 100000"/>
            </a:avLst>
          </a:prstGeom>
          <a:solidFill>
            <a:schemeClr val="accent6">
              <a:lumMod val="50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tIns="72000" rtlCol="0" anchor="ctr"/>
          <a:lstStyle/>
          <a:p>
            <a:pPr algn="ctr"/>
            <a:endParaRPr kumimoji="1" lang="ja-JP" altLang="en-US"/>
          </a:p>
        </p:txBody>
      </p:sp>
      <p:sp>
        <p:nvSpPr>
          <p:cNvPr id="83" name="テキスト ボックス 82">
            <a:extLst>
              <a:ext uri="{FF2B5EF4-FFF2-40B4-BE49-F238E27FC236}">
                <a16:creationId xmlns:a16="http://schemas.microsoft.com/office/drawing/2014/main" id="{6E727D7D-B09A-42D9-AB07-206C7DFD2A13}"/>
              </a:ext>
            </a:extLst>
          </p:cNvPr>
          <p:cNvSpPr txBox="1"/>
          <p:nvPr/>
        </p:nvSpPr>
        <p:spPr>
          <a:xfrm>
            <a:off x="6445913" y="2443611"/>
            <a:ext cx="2002972" cy="403644"/>
          </a:xfrm>
          <a:prstGeom prst="rect">
            <a:avLst/>
          </a:prstGeom>
          <a:solidFill>
            <a:srgbClr val="FFFFFF"/>
          </a:solidFill>
          <a:ln w="57150" cmpd="thickThin">
            <a:solidFill>
              <a:schemeClr val="accent6">
                <a:lumMod val="50000"/>
              </a:schemeClr>
            </a:solidFill>
          </a:ln>
        </p:spPr>
        <p:txBody>
          <a:bodyPr wrap="square" tIns="72000" rtlCol="0" anchor="ctr">
            <a:noAutofit/>
          </a:bodyPr>
          <a:lstStyle/>
          <a:p>
            <a:pPr algn="ctr"/>
            <a:r>
              <a:rPr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鳴門（なると</a:t>
            </a:r>
            <a:r>
              <a:rPr kumimoji="1" lang="ja-JP" altLang="en-US" sz="1400" dirty="0">
                <a:solidFill>
                  <a:schemeClr val="tx1">
                    <a:lumMod val="85000"/>
                    <a:lumOff val="1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）くん</a:t>
            </a:r>
          </a:p>
        </p:txBody>
      </p:sp>
      <p:grpSp>
        <p:nvGrpSpPr>
          <p:cNvPr id="5" name="グループ化 4">
            <a:extLst>
              <a:ext uri="{FF2B5EF4-FFF2-40B4-BE49-F238E27FC236}">
                <a16:creationId xmlns:a16="http://schemas.microsoft.com/office/drawing/2014/main" id="{50F0F442-8EF4-4787-8092-3A04E7E1081A}"/>
              </a:ext>
            </a:extLst>
          </p:cNvPr>
          <p:cNvGrpSpPr/>
          <p:nvPr/>
        </p:nvGrpSpPr>
        <p:grpSpPr>
          <a:xfrm>
            <a:off x="5841505" y="5454210"/>
            <a:ext cx="2855453" cy="858462"/>
            <a:chOff x="5841505" y="5454210"/>
            <a:chExt cx="2855453" cy="858462"/>
          </a:xfrm>
        </p:grpSpPr>
        <p:sp>
          <p:nvSpPr>
            <p:cNvPr id="61" name="円/楕円 26">
              <a:extLst>
                <a:ext uri="{FF2B5EF4-FFF2-40B4-BE49-F238E27FC236}">
                  <a16:creationId xmlns:a16="http://schemas.microsoft.com/office/drawing/2014/main" id="{79F3AA40-5103-4886-B62A-8A97F71D3B7B}"/>
                </a:ext>
              </a:extLst>
            </p:cNvPr>
            <p:cNvSpPr/>
            <p:nvPr/>
          </p:nvSpPr>
          <p:spPr>
            <a:xfrm>
              <a:off x="7838496" y="5454210"/>
              <a:ext cx="858462" cy="858462"/>
            </a:xfrm>
            <a:prstGeom prst="ellipse">
              <a:avLst/>
            </a:prstGeom>
            <a:solidFill>
              <a:schemeClr val="bg1">
                <a:lumMod val="95000"/>
              </a:schemeClr>
            </a:solidFill>
            <a:ln w="28575" cmpd="sng">
              <a:solidFill>
                <a:srgbClr val="706453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>
              <a:defPPr>
                <a:defRPr lang="ja-JP"/>
              </a:defPPr>
              <a:lvl1pPr marL="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kumimoji="1" sz="1800" kern="1200">
                  <a:solidFill>
                    <a:schemeClr val="lt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pPr algn="ctr"/>
              <a:endParaRPr lang="ja-JP" altLang="en-US"/>
            </a:p>
          </p:txBody>
        </p:sp>
        <p:sp>
          <p:nvSpPr>
            <p:cNvPr id="74" name="吹き出し: 角を丸めた四角形 73">
              <a:extLst>
                <a:ext uri="{FF2B5EF4-FFF2-40B4-BE49-F238E27FC236}">
                  <a16:creationId xmlns:a16="http://schemas.microsoft.com/office/drawing/2014/main" id="{89D36B24-D024-455D-B303-16B26DAF2AB7}"/>
                </a:ext>
              </a:extLst>
            </p:cNvPr>
            <p:cNvSpPr/>
            <p:nvPr/>
          </p:nvSpPr>
          <p:spPr>
            <a:xfrm flipH="1">
              <a:off x="5841505" y="5506345"/>
              <a:ext cx="1915132" cy="802285"/>
            </a:xfrm>
            <a:prstGeom prst="wedgeRoundRectCallout">
              <a:avLst>
                <a:gd name="adj1" fmla="val -62243"/>
                <a:gd name="adj2" fmla="val 20334"/>
                <a:gd name="adj3" fmla="val 16667"/>
              </a:avLst>
            </a:prstGeom>
            <a:solidFill>
              <a:schemeClr val="bg1">
                <a:lumMod val="95000"/>
              </a:schemeClr>
            </a:solidFill>
            <a:ln>
              <a:solidFill>
                <a:schemeClr val="tx1"/>
              </a:solidFill>
            </a:ln>
            <a:scene3d>
              <a:camera prst="orthographicFront">
                <a:rot lat="0" lon="0" rev="0"/>
              </a:camera>
              <a:lightRig rig="threePt" dir="t"/>
            </a:scene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 dirty="0">
                <a:solidFill>
                  <a:schemeClr val="tx1"/>
                </a:solidFill>
              </a:endParaRPr>
            </a:p>
          </p:txBody>
        </p:sp>
        <p:sp>
          <p:nvSpPr>
            <p:cNvPr id="75" name="テキスト ボックス 41">
              <a:extLst>
                <a:ext uri="{FF2B5EF4-FFF2-40B4-BE49-F238E27FC236}">
                  <a16:creationId xmlns:a16="http://schemas.microsoft.com/office/drawing/2014/main" id="{46997B92-312F-45AF-92DD-A02D58CF1F9A}"/>
                </a:ext>
              </a:extLst>
            </p:cNvPr>
            <p:cNvSpPr txBox="1"/>
            <p:nvPr/>
          </p:nvSpPr>
          <p:spPr>
            <a:xfrm>
              <a:off x="5911214" y="5722822"/>
              <a:ext cx="1687881" cy="36933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>
              <a:defPPr>
                <a:defRPr lang="ja-JP"/>
              </a:defPPr>
              <a:lvl1pPr marL="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1pPr>
              <a:lvl2pPr marL="4572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2pPr>
              <a:lvl3pPr marL="9144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3pPr>
              <a:lvl4pPr marL="13716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4pPr>
              <a:lvl5pPr marL="18288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5pPr>
              <a:lvl6pPr marL="22860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6pPr>
              <a:lvl7pPr marL="27432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7pPr>
              <a:lvl8pPr marL="32004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8pPr>
              <a:lvl9pPr marL="3657600" algn="l" defTabSz="914400" rtl="0" eaLnBrk="1" latinLnBrk="0" hangingPunct="1">
                <a:defRPr kumimoji="1" sz="1800" kern="1200">
                  <a:solidFill>
                    <a:schemeClr val="tx1"/>
                  </a:solidFill>
                  <a:latin typeface="+mn-lt"/>
                  <a:ea typeface="+mn-ea"/>
                  <a:cs typeface="+mn-cs"/>
                </a:defRPr>
              </a:lvl9pPr>
            </a:lstStyle>
            <a:p>
              <a:r>
                <a:rPr lang="ja-JP" altLang="en-US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いいよー</a:t>
              </a:r>
            </a:p>
          </p:txBody>
        </p:sp>
        <p:pic>
          <p:nvPicPr>
            <p:cNvPr id="88" name="図 87">
              <a:extLst>
                <a:ext uri="{FF2B5EF4-FFF2-40B4-BE49-F238E27FC236}">
                  <a16:creationId xmlns:a16="http://schemas.microsoft.com/office/drawing/2014/main" id="{019CE4A7-5149-774D-BFAC-C3DB80D0B994}"/>
                </a:ext>
              </a:extLst>
            </p:cNvPr>
            <p:cNvPicPr>
              <a:picLocks noChangeAspect="1"/>
            </p:cNvPicPr>
            <p:nvPr/>
          </p:nvPicPr>
          <p:blipFill>
            <a:blip r:embed="rId1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904363" y="5497870"/>
              <a:ext cx="711200" cy="774700"/>
            </a:xfrm>
            <a:prstGeom prst="rect">
              <a:avLst/>
            </a:prstGeom>
          </p:spPr>
        </p:pic>
      </p:grp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49113AEF-4D76-3A1C-11B4-DA410E2A497B}"/>
              </a:ext>
            </a:extLst>
          </p:cNvPr>
          <p:cNvSpPr txBox="1"/>
          <p:nvPr/>
        </p:nvSpPr>
        <p:spPr>
          <a:xfrm>
            <a:off x="6748237" y="871608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なると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7ABDAED9-C3D1-E265-C2DA-134DF3DD00D0}"/>
              </a:ext>
            </a:extLst>
          </p:cNvPr>
          <p:cNvSpPr txBox="1"/>
          <p:nvPr/>
        </p:nvSpPr>
        <p:spPr>
          <a:xfrm>
            <a:off x="981344" y="871608"/>
            <a:ext cx="72212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675FC25B-636A-4EDB-AE22-93E2ED84EDD7}"/>
              </a:ext>
            </a:extLst>
          </p:cNvPr>
          <p:cNvSpPr txBox="1"/>
          <p:nvPr/>
        </p:nvSpPr>
        <p:spPr>
          <a:xfrm>
            <a:off x="1389399" y="1442500"/>
            <a:ext cx="55636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よ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3F128FE5-98E9-22A6-ECEA-7589D7BC17BE}"/>
              </a:ext>
            </a:extLst>
          </p:cNvPr>
          <p:cNvSpPr txBox="1"/>
          <p:nvPr/>
        </p:nvSpPr>
        <p:spPr>
          <a:xfrm>
            <a:off x="1504950" y="2379428"/>
            <a:ext cx="63082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accent5">
                    <a:lumMod val="50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なると</a:t>
            </a:r>
          </a:p>
        </p:txBody>
      </p:sp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E3D820F5-51C4-72F6-EC70-A9F25C3C7BF0}"/>
              </a:ext>
            </a:extLst>
          </p:cNvPr>
          <p:cNvSpPr txBox="1"/>
          <p:nvPr/>
        </p:nvSpPr>
        <p:spPr>
          <a:xfrm>
            <a:off x="7899378" y="3254946"/>
            <a:ext cx="56490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83700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じ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80753310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500"/>
                            </p:stCondLst>
                            <p:childTnLst>
                              <p:par>
                                <p:cTn id="16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cxnSp>
        <p:nvCxnSpPr>
          <p:cNvPr id="74" name="直線コネクタ 73">
            <a:extLst>
              <a:ext uri="{FF2B5EF4-FFF2-40B4-BE49-F238E27FC236}">
                <a16:creationId xmlns:a16="http://schemas.microsoft.com/office/drawing/2014/main" id="{8A255634-1FE1-47BD-B30A-93E6C54BBFE5}"/>
              </a:ext>
            </a:extLst>
          </p:cNvPr>
          <p:cNvCxnSpPr>
            <a:cxnSpLocks/>
          </p:cNvCxnSpPr>
          <p:nvPr/>
        </p:nvCxnSpPr>
        <p:spPr>
          <a:xfrm>
            <a:off x="6044756" y="2428863"/>
            <a:ext cx="0" cy="4429137"/>
          </a:xfrm>
          <a:prstGeom prst="line">
            <a:avLst/>
          </a:prstGeom>
          <a:ln w="57150"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5" name="直線コネクタ 4">
            <a:extLst>
              <a:ext uri="{FF2B5EF4-FFF2-40B4-BE49-F238E27FC236}">
                <a16:creationId xmlns:a16="http://schemas.microsoft.com/office/drawing/2014/main" id="{4CDE1A32-A753-4228-A207-919D3BFD4603}"/>
              </a:ext>
            </a:extLst>
          </p:cNvPr>
          <p:cNvCxnSpPr>
            <a:cxnSpLocks/>
          </p:cNvCxnSpPr>
          <p:nvPr/>
        </p:nvCxnSpPr>
        <p:spPr>
          <a:xfrm>
            <a:off x="3067050" y="2428863"/>
            <a:ext cx="0" cy="4429137"/>
          </a:xfrm>
          <a:prstGeom prst="line">
            <a:avLst/>
          </a:prstGeom>
          <a:ln w="57150"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23. </a:t>
            </a:r>
            <a:r>
              <a:rPr lang="ja-JP" altLang="en-US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ネットゲームのやりすぎはダメ！③（ルール・マナー）</a:t>
            </a:r>
            <a:endParaRPr lang="ja-JP" altLang="en-US" dirty="0"/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8" y="1048261"/>
            <a:ext cx="9075651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みんなは毎日、ボイスチャット機能をつかい、よる遅く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まで大声でゲームを続けていました。</a:t>
            </a:r>
          </a:p>
        </p:txBody>
      </p:sp>
      <p:grpSp>
        <p:nvGrpSpPr>
          <p:cNvPr id="24" name="グループ化 23">
            <a:extLst>
              <a:ext uri="{FF2B5EF4-FFF2-40B4-BE49-F238E27FC236}">
                <a16:creationId xmlns:a16="http://schemas.microsoft.com/office/drawing/2014/main" id="{7E43877B-08D0-40BA-A6C4-B0D78456951A}"/>
              </a:ext>
            </a:extLst>
          </p:cNvPr>
          <p:cNvGrpSpPr/>
          <p:nvPr/>
        </p:nvGrpSpPr>
        <p:grpSpPr>
          <a:xfrm>
            <a:off x="7435075" y="1501510"/>
            <a:ext cx="1487431" cy="1487431"/>
            <a:chOff x="5059077" y="2018831"/>
            <a:chExt cx="1498294" cy="1498294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sp>
          <p:nvSpPr>
            <p:cNvPr id="25" name="円/楕円 42">
              <a:extLst>
                <a:ext uri="{FF2B5EF4-FFF2-40B4-BE49-F238E27FC236}">
                  <a16:creationId xmlns:a16="http://schemas.microsoft.com/office/drawing/2014/main" id="{B264FB15-5962-4EF2-BADC-FCB9DF497B27}"/>
                </a:ext>
              </a:extLst>
            </p:cNvPr>
            <p:cNvSpPr/>
            <p:nvPr/>
          </p:nvSpPr>
          <p:spPr>
            <a:xfrm>
              <a:off x="5059077" y="2018831"/>
              <a:ext cx="1498294" cy="1498294"/>
            </a:xfrm>
            <a:prstGeom prst="ellipse">
              <a:avLst/>
            </a:prstGeom>
            <a:solidFill>
              <a:schemeClr val="bg1"/>
            </a:solidFill>
            <a:ln w="76200">
              <a:solidFill>
                <a:srgbClr val="0093E3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26" name="テキスト ボックス 25">
              <a:extLst>
                <a:ext uri="{FF2B5EF4-FFF2-40B4-BE49-F238E27FC236}">
                  <a16:creationId xmlns:a16="http://schemas.microsoft.com/office/drawing/2014/main" id="{69EC3EB6-15DD-4403-AAF8-DA3D09BB25B0}"/>
                </a:ext>
              </a:extLst>
            </p:cNvPr>
            <p:cNvSpPr txBox="1"/>
            <p:nvPr/>
          </p:nvSpPr>
          <p:spPr>
            <a:xfrm>
              <a:off x="5619711" y="2047978"/>
              <a:ext cx="37702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2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7" name="テキスト ボックス 26">
              <a:extLst>
                <a:ext uri="{FF2B5EF4-FFF2-40B4-BE49-F238E27FC236}">
                  <a16:creationId xmlns:a16="http://schemas.microsoft.com/office/drawing/2014/main" id="{44754906-44BD-4A23-A1BD-2CC6BB198EAA}"/>
                </a:ext>
              </a:extLst>
            </p:cNvPr>
            <p:cNvSpPr txBox="1"/>
            <p:nvPr/>
          </p:nvSpPr>
          <p:spPr>
            <a:xfrm>
              <a:off x="5667801" y="3240126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6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8" name="テキスト ボックス 27">
              <a:extLst>
                <a:ext uri="{FF2B5EF4-FFF2-40B4-BE49-F238E27FC236}">
                  <a16:creationId xmlns:a16="http://schemas.microsoft.com/office/drawing/2014/main" id="{5EEBA6F9-93C8-4668-9F96-50565F023B35}"/>
                </a:ext>
              </a:extLst>
            </p:cNvPr>
            <p:cNvSpPr txBox="1"/>
            <p:nvPr/>
          </p:nvSpPr>
          <p:spPr>
            <a:xfrm>
              <a:off x="6252804" y="2629477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3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9" name="テキスト ボックス 28">
              <a:extLst>
                <a:ext uri="{FF2B5EF4-FFF2-40B4-BE49-F238E27FC236}">
                  <a16:creationId xmlns:a16="http://schemas.microsoft.com/office/drawing/2014/main" id="{BE530239-8631-4A70-83C1-DEFECA1080D7}"/>
                </a:ext>
              </a:extLst>
            </p:cNvPr>
            <p:cNvSpPr txBox="1"/>
            <p:nvPr/>
          </p:nvSpPr>
          <p:spPr>
            <a:xfrm>
              <a:off x="5059077" y="2629477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9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0" name="テキスト ボックス 29">
              <a:extLst>
                <a:ext uri="{FF2B5EF4-FFF2-40B4-BE49-F238E27FC236}">
                  <a16:creationId xmlns:a16="http://schemas.microsoft.com/office/drawing/2014/main" id="{6FF58263-0093-4311-979B-BA8D6D232DAD}"/>
                </a:ext>
              </a:extLst>
            </p:cNvPr>
            <p:cNvSpPr txBox="1"/>
            <p:nvPr/>
          </p:nvSpPr>
          <p:spPr>
            <a:xfrm>
              <a:off x="6185301" y="2912568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4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1" name="テキスト ボックス 30">
              <a:extLst>
                <a:ext uri="{FF2B5EF4-FFF2-40B4-BE49-F238E27FC236}">
                  <a16:creationId xmlns:a16="http://schemas.microsoft.com/office/drawing/2014/main" id="{ECE86E7F-127E-44AF-BF54-308FA05F0076}"/>
                </a:ext>
              </a:extLst>
            </p:cNvPr>
            <p:cNvSpPr txBox="1"/>
            <p:nvPr/>
          </p:nvSpPr>
          <p:spPr>
            <a:xfrm>
              <a:off x="5996737" y="3159722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5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2" name="テキスト ボックス 31">
              <a:extLst>
                <a:ext uri="{FF2B5EF4-FFF2-40B4-BE49-F238E27FC236}">
                  <a16:creationId xmlns:a16="http://schemas.microsoft.com/office/drawing/2014/main" id="{5B75A12F-53BE-42E1-9A74-90F741217FFF}"/>
                </a:ext>
              </a:extLst>
            </p:cNvPr>
            <p:cNvSpPr txBox="1"/>
            <p:nvPr/>
          </p:nvSpPr>
          <p:spPr>
            <a:xfrm>
              <a:off x="6185301" y="2363166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2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4" name="テキスト ボックス 33">
              <a:extLst>
                <a:ext uri="{FF2B5EF4-FFF2-40B4-BE49-F238E27FC236}">
                  <a16:creationId xmlns:a16="http://schemas.microsoft.com/office/drawing/2014/main" id="{1E14A1AD-6B6A-4EFF-9A7D-0FC55B386CF7}"/>
                </a:ext>
              </a:extLst>
            </p:cNvPr>
            <p:cNvSpPr txBox="1"/>
            <p:nvPr/>
          </p:nvSpPr>
          <p:spPr>
            <a:xfrm>
              <a:off x="5971958" y="2125876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8" name="テキスト ボックス 37">
              <a:extLst>
                <a:ext uri="{FF2B5EF4-FFF2-40B4-BE49-F238E27FC236}">
                  <a16:creationId xmlns:a16="http://schemas.microsoft.com/office/drawing/2014/main" id="{51B48CA4-2D1A-431B-809A-D61882F0FEB6}"/>
                </a:ext>
              </a:extLst>
            </p:cNvPr>
            <p:cNvSpPr txBox="1"/>
            <p:nvPr/>
          </p:nvSpPr>
          <p:spPr>
            <a:xfrm>
              <a:off x="5356770" y="3128178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7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9" name="テキスト ボックス 38">
              <a:extLst>
                <a:ext uri="{FF2B5EF4-FFF2-40B4-BE49-F238E27FC236}">
                  <a16:creationId xmlns:a16="http://schemas.microsoft.com/office/drawing/2014/main" id="{5856DCC7-0252-48E0-8A48-9D056C2C6AD2}"/>
                </a:ext>
              </a:extLst>
            </p:cNvPr>
            <p:cNvSpPr txBox="1"/>
            <p:nvPr/>
          </p:nvSpPr>
          <p:spPr>
            <a:xfrm>
              <a:off x="5120167" y="2361390"/>
              <a:ext cx="37702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0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44" name="テキスト ボックス 43">
              <a:extLst>
                <a:ext uri="{FF2B5EF4-FFF2-40B4-BE49-F238E27FC236}">
                  <a16:creationId xmlns:a16="http://schemas.microsoft.com/office/drawing/2014/main" id="{2FCF5C13-F4FE-47A4-90E6-C3DA5BA9C996}"/>
                </a:ext>
              </a:extLst>
            </p:cNvPr>
            <p:cNvSpPr txBox="1"/>
            <p:nvPr/>
          </p:nvSpPr>
          <p:spPr>
            <a:xfrm>
              <a:off x="5310306" y="2141804"/>
              <a:ext cx="37702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1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45" name="テキスト ボックス 44">
              <a:extLst>
                <a:ext uri="{FF2B5EF4-FFF2-40B4-BE49-F238E27FC236}">
                  <a16:creationId xmlns:a16="http://schemas.microsoft.com/office/drawing/2014/main" id="{511F7FFA-5378-4BCC-B9E1-C38F6BBB6273}"/>
                </a:ext>
              </a:extLst>
            </p:cNvPr>
            <p:cNvSpPr txBox="1"/>
            <p:nvPr/>
          </p:nvSpPr>
          <p:spPr>
            <a:xfrm>
              <a:off x="5126785" y="2912569"/>
              <a:ext cx="280846" cy="276999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8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46" name="フリーフォーム 59">
              <a:extLst>
                <a:ext uri="{FF2B5EF4-FFF2-40B4-BE49-F238E27FC236}">
                  <a16:creationId xmlns:a16="http://schemas.microsoft.com/office/drawing/2014/main" id="{CDC6D6DA-8FE5-49AA-8736-4344A9740810}"/>
                </a:ext>
              </a:extLst>
            </p:cNvPr>
            <p:cNvSpPr/>
            <p:nvPr/>
          </p:nvSpPr>
          <p:spPr>
            <a:xfrm rot="10800000">
              <a:off x="5777210" y="2817027"/>
              <a:ext cx="45719" cy="470872"/>
            </a:xfrm>
            <a:custGeom>
              <a:avLst/>
              <a:gdLst>
                <a:gd name="connsiteX0" fmla="*/ 9189 w 78114"/>
                <a:gd name="connsiteY0" fmla="*/ 0 h 399763"/>
                <a:gd name="connsiteX1" fmla="*/ 59734 w 78114"/>
                <a:gd name="connsiteY1" fmla="*/ 0 h 399763"/>
                <a:gd name="connsiteX2" fmla="*/ 78114 w 78114"/>
                <a:gd name="connsiteY2" fmla="*/ 399763 h 399763"/>
                <a:gd name="connsiteX3" fmla="*/ 0 w 78114"/>
                <a:gd name="connsiteY3" fmla="*/ 395168 h 399763"/>
                <a:gd name="connsiteX4" fmla="*/ 9189 w 78114"/>
                <a:gd name="connsiteY4" fmla="*/ 0 h 3997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8114" h="399763">
                  <a:moveTo>
                    <a:pt x="9189" y="0"/>
                  </a:moveTo>
                  <a:lnTo>
                    <a:pt x="59734" y="0"/>
                  </a:lnTo>
                  <a:lnTo>
                    <a:pt x="78114" y="399763"/>
                  </a:lnTo>
                  <a:lnTo>
                    <a:pt x="0" y="395168"/>
                  </a:lnTo>
                  <a:lnTo>
                    <a:pt x="9189" y="0"/>
                  </a:lnTo>
                  <a:close/>
                </a:path>
              </a:pathLst>
            </a:custGeom>
            <a:solidFill>
              <a:schemeClr val="accent2"/>
            </a:solidFill>
            <a:ln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48" name="フリーフォーム 60">
              <a:extLst>
                <a:ext uri="{FF2B5EF4-FFF2-40B4-BE49-F238E27FC236}">
                  <a16:creationId xmlns:a16="http://schemas.microsoft.com/office/drawing/2014/main" id="{EA94041B-3D73-44BB-8926-4FCFABB77B76}"/>
                </a:ext>
              </a:extLst>
            </p:cNvPr>
            <p:cNvSpPr/>
            <p:nvPr/>
          </p:nvSpPr>
          <p:spPr>
            <a:xfrm rot="17204182">
              <a:off x="5551861" y="2549749"/>
              <a:ext cx="60905" cy="311693"/>
            </a:xfrm>
            <a:custGeom>
              <a:avLst/>
              <a:gdLst>
                <a:gd name="connsiteX0" fmla="*/ 9189 w 78114"/>
                <a:gd name="connsiteY0" fmla="*/ 0 h 399763"/>
                <a:gd name="connsiteX1" fmla="*/ 59734 w 78114"/>
                <a:gd name="connsiteY1" fmla="*/ 0 h 399763"/>
                <a:gd name="connsiteX2" fmla="*/ 78114 w 78114"/>
                <a:gd name="connsiteY2" fmla="*/ 399763 h 399763"/>
                <a:gd name="connsiteX3" fmla="*/ 0 w 78114"/>
                <a:gd name="connsiteY3" fmla="*/ 395168 h 399763"/>
                <a:gd name="connsiteX4" fmla="*/ 9189 w 78114"/>
                <a:gd name="connsiteY4" fmla="*/ 0 h 3997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8114" h="399763">
                  <a:moveTo>
                    <a:pt x="9189" y="0"/>
                  </a:moveTo>
                  <a:lnTo>
                    <a:pt x="59734" y="0"/>
                  </a:lnTo>
                  <a:lnTo>
                    <a:pt x="78114" y="399763"/>
                  </a:lnTo>
                  <a:lnTo>
                    <a:pt x="0" y="395168"/>
                  </a:lnTo>
                  <a:lnTo>
                    <a:pt x="9189" y="0"/>
                  </a:lnTo>
                  <a:close/>
                </a:path>
              </a:pathLst>
            </a:custGeom>
            <a:solidFill>
              <a:schemeClr val="accent6"/>
            </a:solidFill>
            <a:ln>
              <a:solidFill>
                <a:schemeClr val="accent6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49" name="円/楕円 61">
              <a:extLst>
                <a:ext uri="{FF2B5EF4-FFF2-40B4-BE49-F238E27FC236}">
                  <a16:creationId xmlns:a16="http://schemas.microsoft.com/office/drawing/2014/main" id="{20F7E835-3046-4208-BEB6-86D4273C6BCB}"/>
                </a:ext>
              </a:extLst>
            </p:cNvPr>
            <p:cNvSpPr/>
            <p:nvPr/>
          </p:nvSpPr>
          <p:spPr>
            <a:xfrm>
              <a:off x="5731105" y="2689695"/>
              <a:ext cx="154237" cy="154237"/>
            </a:xfrm>
            <a:prstGeom prst="ellipse">
              <a:avLst/>
            </a:prstGeom>
          </p:spPr>
          <p:style>
            <a:lnRef idx="2">
              <a:schemeClr val="dk1">
                <a:shade val="50000"/>
              </a:schemeClr>
            </a:lnRef>
            <a:fillRef idx="1">
              <a:schemeClr val="dk1"/>
            </a:fillRef>
            <a:effectRef idx="0">
              <a:schemeClr val="dk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</p:grpSp>
      <p:pic>
        <p:nvPicPr>
          <p:cNvPr id="50" name="図 49">
            <a:extLst>
              <a:ext uri="{FF2B5EF4-FFF2-40B4-BE49-F238E27FC236}">
                <a16:creationId xmlns:a16="http://schemas.microsoft.com/office/drawing/2014/main" id="{A129EB64-7BC4-4BC8-9661-651B906E8392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3063" t="15993" r="21779" b="12936"/>
          <a:stretch/>
        </p:blipFill>
        <p:spPr>
          <a:xfrm>
            <a:off x="274490" y="3925732"/>
            <a:ext cx="2275747" cy="2932268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3" name="グループ化 2">
            <a:extLst>
              <a:ext uri="{FF2B5EF4-FFF2-40B4-BE49-F238E27FC236}">
                <a16:creationId xmlns:a16="http://schemas.microsoft.com/office/drawing/2014/main" id="{F5AB6D3A-C9EB-4F79-8940-AFB45DA61C22}"/>
              </a:ext>
            </a:extLst>
          </p:cNvPr>
          <p:cNvGrpSpPr/>
          <p:nvPr/>
        </p:nvGrpSpPr>
        <p:grpSpPr>
          <a:xfrm>
            <a:off x="3286329" y="3441177"/>
            <a:ext cx="2373455" cy="3457476"/>
            <a:chOff x="3012137" y="4414698"/>
            <a:chExt cx="1856606" cy="2704568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pic>
          <p:nvPicPr>
            <p:cNvPr id="35" name="図 34">
              <a:extLst>
                <a:ext uri="{FF2B5EF4-FFF2-40B4-BE49-F238E27FC236}">
                  <a16:creationId xmlns:a16="http://schemas.microsoft.com/office/drawing/2014/main" id="{3935CCFD-D373-40B4-8C4D-BCBD7E7BFD2D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5" cstate="print">
              <a:extLst>
                <a:ext uri="{BEBA8EAE-BF5A-486C-A8C5-ECC9F3942E4B}">
                  <a14:imgProps xmlns:a14="http://schemas.microsoft.com/office/drawing/2010/main">
                    <a14:imgLayer r:embed="rId6">
                      <a14:imgEffect>
                        <a14:colorTemperature colorTemp="7200"/>
                      </a14:imgEffect>
                      <a14:imgEffect>
                        <a14:saturation sat="66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11911" t="3670" r="6535"/>
            <a:stretch/>
          </p:blipFill>
          <p:spPr>
            <a:xfrm>
              <a:off x="3012137" y="4414698"/>
              <a:ext cx="1856606" cy="2704568"/>
            </a:xfrm>
            <a:prstGeom prst="rect">
              <a:avLst/>
            </a:prstGeom>
          </p:spPr>
        </p:pic>
        <p:pic>
          <p:nvPicPr>
            <p:cNvPr id="37" name="図 36">
              <a:extLst>
                <a:ext uri="{FF2B5EF4-FFF2-40B4-BE49-F238E27FC236}">
                  <a16:creationId xmlns:a16="http://schemas.microsoft.com/office/drawing/2014/main" id="{8C870EDD-03C8-4DAD-B47B-DD1F2EDD9F51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7" cstate="print">
              <a:extLst>
                <a:ext uri="{BEBA8EAE-BF5A-486C-A8C5-ECC9F3942E4B}">
                  <a14:imgProps xmlns:a14="http://schemas.microsoft.com/office/drawing/2010/main">
                    <a14:imgLayer r:embed="rId8">
                      <a14:imgEffect>
                        <a14:backgroundRemoval t="37500" b="42667" l="45333" r="53500"/>
                      </a14:imgEffect>
                      <a14:imgEffect>
                        <a14:colorTemperature colorTemp="8800"/>
                      </a14:imgEffect>
                      <a14:imgEffect>
                        <a14:saturation sat="66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5314" t="36914" r="46359" b="56648"/>
            <a:stretch/>
          </p:blipFill>
          <p:spPr>
            <a:xfrm>
              <a:off x="3770611" y="5847120"/>
              <a:ext cx="303414" cy="189262"/>
            </a:xfrm>
            <a:prstGeom prst="rect">
              <a:avLst/>
            </a:prstGeom>
          </p:spPr>
        </p:pic>
      </p:grpSp>
      <p:grpSp>
        <p:nvGrpSpPr>
          <p:cNvPr id="40" name="グループ化 39">
            <a:extLst>
              <a:ext uri="{FF2B5EF4-FFF2-40B4-BE49-F238E27FC236}">
                <a16:creationId xmlns:a16="http://schemas.microsoft.com/office/drawing/2014/main" id="{655F1FFA-9994-4FDD-9A64-B877B7007136}"/>
              </a:ext>
            </a:extLst>
          </p:cNvPr>
          <p:cNvGrpSpPr/>
          <p:nvPr/>
        </p:nvGrpSpPr>
        <p:grpSpPr>
          <a:xfrm rot="2333583">
            <a:off x="1514942" y="3295890"/>
            <a:ext cx="1647568" cy="1487432"/>
            <a:chOff x="-68620" y="1596633"/>
            <a:chExt cx="3652024" cy="1716670"/>
          </a:xfrm>
        </p:grpSpPr>
        <p:sp>
          <p:nvSpPr>
            <p:cNvPr id="41" name="爆発 2 6">
              <a:extLst>
                <a:ext uri="{FF2B5EF4-FFF2-40B4-BE49-F238E27FC236}">
                  <a16:creationId xmlns:a16="http://schemas.microsoft.com/office/drawing/2014/main" id="{AB38A467-6311-46B4-9596-86F95D8AD130}"/>
                </a:ext>
              </a:extLst>
            </p:cNvPr>
            <p:cNvSpPr/>
            <p:nvPr/>
          </p:nvSpPr>
          <p:spPr>
            <a:xfrm rot="305964">
              <a:off x="-68620" y="1596633"/>
              <a:ext cx="3496644" cy="1716670"/>
            </a:xfrm>
            <a:custGeom>
              <a:avLst/>
              <a:gdLst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550 w 21600"/>
                <a:gd name="connsiteY26" fmla="*/ 6382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9297 w 21600"/>
                <a:gd name="connsiteY26" fmla="*/ 4840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9297 w 21600"/>
                <a:gd name="connsiteY27" fmla="*/ 4840 h 21600"/>
                <a:gd name="connsiteX28" fmla="*/ 9722 w 21600"/>
                <a:gd name="connsiteY28" fmla="*/ 1887 h 21600"/>
                <a:gd name="connsiteX29" fmla="*/ 11462 w 21600"/>
                <a:gd name="connsiteY29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722 w 21600"/>
                <a:gd name="connsiteY29" fmla="*/ 956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587 w 17375"/>
                <a:gd name="connsiteY25" fmla="*/ 3112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</a:cxnLst>
              <a:rect l="l" t="t" r="r" b="b"/>
              <a:pathLst>
                <a:path w="17375" h="19770">
                  <a:moveTo>
                    <a:pt x="10318" y="3347"/>
                  </a:moveTo>
                  <a:cubicBezTo>
                    <a:pt x="11259" y="3281"/>
                    <a:pt x="12033" y="1929"/>
                    <a:pt x="12822" y="0"/>
                  </a:cubicBezTo>
                  <a:cubicBezTo>
                    <a:pt x="12734" y="1926"/>
                    <a:pt x="12538" y="3370"/>
                    <a:pt x="13289" y="3979"/>
                  </a:cubicBezTo>
                  <a:cubicBezTo>
                    <a:pt x="13885" y="4470"/>
                    <a:pt x="15322" y="3131"/>
                    <a:pt x="16238" y="2241"/>
                  </a:cubicBezTo>
                  <a:cubicBezTo>
                    <a:pt x="15767" y="3372"/>
                    <a:pt x="14990" y="4920"/>
                    <a:pt x="15236" y="5537"/>
                  </a:cubicBezTo>
                  <a:cubicBezTo>
                    <a:pt x="15634" y="6378"/>
                    <a:pt x="15635" y="6415"/>
                    <a:pt x="17375" y="6453"/>
                  </a:cubicBezTo>
                  <a:cubicBezTo>
                    <a:pt x="16635" y="7104"/>
                    <a:pt x="15910" y="7628"/>
                    <a:pt x="15841" y="8407"/>
                  </a:cubicBezTo>
                  <a:cubicBezTo>
                    <a:pt x="15857" y="9454"/>
                    <a:pt x="16424" y="9987"/>
                    <a:pt x="17172" y="10295"/>
                  </a:cubicBezTo>
                  <a:cubicBezTo>
                    <a:pt x="16451" y="10474"/>
                    <a:pt x="15271" y="10493"/>
                    <a:pt x="15236" y="11315"/>
                  </a:cubicBezTo>
                  <a:cubicBezTo>
                    <a:pt x="15076" y="12358"/>
                    <a:pt x="15604" y="13209"/>
                    <a:pt x="16436" y="14316"/>
                  </a:cubicBezTo>
                  <a:cubicBezTo>
                    <a:pt x="15491" y="13685"/>
                    <a:pt x="14288" y="12605"/>
                    <a:pt x="13496" y="13355"/>
                  </a:cubicBezTo>
                  <a:cubicBezTo>
                    <a:pt x="13292" y="13816"/>
                    <a:pt x="13544" y="15368"/>
                    <a:pt x="13798" y="16375"/>
                  </a:cubicBezTo>
                  <a:cubicBezTo>
                    <a:pt x="13000" y="15479"/>
                    <a:pt x="12140" y="14422"/>
                    <a:pt x="11036" y="14940"/>
                  </a:cubicBezTo>
                  <a:cubicBezTo>
                    <a:pt x="10466" y="15556"/>
                    <a:pt x="10245" y="16589"/>
                    <a:pt x="10468" y="17847"/>
                  </a:cubicBezTo>
                  <a:cubicBezTo>
                    <a:pt x="9995" y="17067"/>
                    <a:pt x="9323" y="16256"/>
                    <a:pt x="8728" y="16375"/>
                  </a:cubicBezTo>
                  <a:cubicBezTo>
                    <a:pt x="8093" y="16610"/>
                    <a:pt x="7733" y="17486"/>
                    <a:pt x="7556" y="18717"/>
                  </a:cubicBezTo>
                  <a:cubicBezTo>
                    <a:pt x="7318" y="17931"/>
                    <a:pt x="6972" y="17113"/>
                    <a:pt x="6383" y="17130"/>
                  </a:cubicBezTo>
                  <a:cubicBezTo>
                    <a:pt x="5772" y="17228"/>
                    <a:pt x="4430" y="18516"/>
                    <a:pt x="4063" y="19770"/>
                  </a:cubicBezTo>
                  <a:cubicBezTo>
                    <a:pt x="4087" y="18457"/>
                    <a:pt x="4049" y="17499"/>
                    <a:pt x="3523" y="16828"/>
                  </a:cubicBezTo>
                  <a:cubicBezTo>
                    <a:pt x="3077" y="16283"/>
                    <a:pt x="2143" y="16316"/>
                    <a:pt x="858" y="16766"/>
                  </a:cubicBezTo>
                  <a:cubicBezTo>
                    <a:pt x="1530" y="16033"/>
                    <a:pt x="2231" y="15397"/>
                    <a:pt x="2186" y="14375"/>
                  </a:cubicBezTo>
                  <a:cubicBezTo>
                    <a:pt x="2083" y="12837"/>
                    <a:pt x="1217" y="12199"/>
                    <a:pt x="0" y="11946"/>
                  </a:cubicBezTo>
                  <a:cubicBezTo>
                    <a:pt x="1083" y="11753"/>
                    <a:pt x="2761" y="11432"/>
                    <a:pt x="2791" y="10597"/>
                  </a:cubicBezTo>
                  <a:cubicBezTo>
                    <a:pt x="2831" y="9651"/>
                    <a:pt x="1544" y="8029"/>
                    <a:pt x="623" y="6922"/>
                  </a:cubicBezTo>
                  <a:cubicBezTo>
                    <a:pt x="1871" y="7499"/>
                    <a:pt x="3926" y="8044"/>
                    <a:pt x="4228" y="6822"/>
                  </a:cubicBezTo>
                  <a:cubicBezTo>
                    <a:pt x="4380" y="6196"/>
                    <a:pt x="3953" y="4509"/>
                    <a:pt x="3587" y="3112"/>
                  </a:cubicBezTo>
                  <a:cubicBezTo>
                    <a:pt x="4220" y="4228"/>
                    <a:pt x="5455" y="5348"/>
                    <a:pt x="6117" y="4940"/>
                  </a:cubicBezTo>
                  <a:cubicBezTo>
                    <a:pt x="6720" y="4233"/>
                    <a:pt x="6723" y="3164"/>
                    <a:pt x="6681" y="1503"/>
                  </a:cubicBezTo>
                  <a:cubicBezTo>
                    <a:pt x="7096" y="2959"/>
                    <a:pt x="7520" y="4103"/>
                    <a:pt x="8153" y="3845"/>
                  </a:cubicBezTo>
                  <a:cubicBezTo>
                    <a:pt x="8696" y="3643"/>
                    <a:pt x="8784" y="1802"/>
                    <a:pt x="8731" y="796"/>
                  </a:cubicBezTo>
                  <a:cubicBezTo>
                    <a:pt x="8960" y="1903"/>
                    <a:pt x="9235" y="3139"/>
                    <a:pt x="10318" y="3347"/>
                  </a:cubicBezTo>
                  <a:close/>
                </a:path>
              </a:pathLst>
            </a:custGeom>
            <a:solidFill>
              <a:srgbClr val="ED7D31"/>
            </a:solidFill>
            <a:ln w="38100">
              <a:noFill/>
              <a:round/>
            </a:ln>
          </p:spPr>
          <p:style>
            <a:lnRef idx="2">
              <a:schemeClr val="accent4"/>
            </a:lnRef>
            <a:fillRef idx="1">
              <a:schemeClr val="lt1"/>
            </a:fillRef>
            <a:effectRef idx="0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42" name="テキスト ボックス 41">
              <a:extLst>
                <a:ext uri="{FF2B5EF4-FFF2-40B4-BE49-F238E27FC236}">
                  <a16:creationId xmlns:a16="http://schemas.microsoft.com/office/drawing/2014/main" id="{B8E6AF25-8BC9-4684-922D-B49029E572BB}"/>
                </a:ext>
              </a:extLst>
            </p:cNvPr>
            <p:cNvSpPr txBox="1"/>
            <p:nvPr/>
          </p:nvSpPr>
          <p:spPr>
            <a:xfrm rot="20485913">
              <a:off x="190564" y="2299566"/>
              <a:ext cx="3392840" cy="4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2000" b="1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うわっ！？</a:t>
              </a:r>
            </a:p>
          </p:txBody>
        </p:sp>
      </p:grpSp>
      <p:pic>
        <p:nvPicPr>
          <p:cNvPr id="76" name="図 75">
            <a:extLst>
              <a:ext uri="{FF2B5EF4-FFF2-40B4-BE49-F238E27FC236}">
                <a16:creationId xmlns:a16="http://schemas.microsoft.com/office/drawing/2014/main" id="{AB5C2DBA-3C9C-434E-B4C3-6BEFEB844C5B}"/>
              </a:ext>
            </a:extLst>
          </p:cNvPr>
          <p:cNvPicPr>
            <a:picLocks noChangeAspect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220584" y="3936808"/>
            <a:ext cx="2463800" cy="3060700"/>
          </a:xfrm>
          <a:prstGeom prst="rect">
            <a:avLst/>
          </a:prstGeom>
        </p:spPr>
      </p:pic>
      <p:grpSp>
        <p:nvGrpSpPr>
          <p:cNvPr id="43" name="グループ化 42">
            <a:extLst>
              <a:ext uri="{FF2B5EF4-FFF2-40B4-BE49-F238E27FC236}">
                <a16:creationId xmlns:a16="http://schemas.microsoft.com/office/drawing/2014/main" id="{62706F50-E567-4AC1-9BAA-8881CED13202}"/>
              </a:ext>
            </a:extLst>
          </p:cNvPr>
          <p:cNvGrpSpPr/>
          <p:nvPr/>
        </p:nvGrpSpPr>
        <p:grpSpPr>
          <a:xfrm rot="589275">
            <a:off x="14582" y="1977637"/>
            <a:ext cx="2287277" cy="1747161"/>
            <a:chOff x="4232921" y="4995518"/>
            <a:chExt cx="4098247" cy="1747161"/>
          </a:xfrm>
        </p:grpSpPr>
        <p:grpSp>
          <p:nvGrpSpPr>
            <p:cNvPr id="52" name="グループ化 51">
              <a:extLst>
                <a:ext uri="{FF2B5EF4-FFF2-40B4-BE49-F238E27FC236}">
                  <a16:creationId xmlns:a16="http://schemas.microsoft.com/office/drawing/2014/main" id="{88D877E5-83B9-4371-9A73-E3C9F75CFD4B}"/>
                </a:ext>
              </a:extLst>
            </p:cNvPr>
            <p:cNvGrpSpPr/>
            <p:nvPr/>
          </p:nvGrpSpPr>
          <p:grpSpPr>
            <a:xfrm rot="20961827">
              <a:off x="4232921" y="4995518"/>
              <a:ext cx="4098247" cy="1747161"/>
              <a:chOff x="-5223648" y="1664841"/>
              <a:chExt cx="5424994" cy="2961661"/>
            </a:xfrm>
          </p:grpSpPr>
          <p:sp>
            <p:nvSpPr>
              <p:cNvPr id="55" name="爆発 2 6">
                <a:extLst>
                  <a:ext uri="{FF2B5EF4-FFF2-40B4-BE49-F238E27FC236}">
                    <a16:creationId xmlns:a16="http://schemas.microsoft.com/office/drawing/2014/main" id="{E41F8248-7AE8-4804-853A-9B970F2DB3DD}"/>
                  </a:ext>
                </a:extLst>
              </p:cNvPr>
              <p:cNvSpPr/>
              <p:nvPr/>
            </p:nvSpPr>
            <p:spPr>
              <a:xfrm rot="1236237">
                <a:off x="-5223648" y="1664841"/>
                <a:ext cx="5424994" cy="296166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rgbClr val="ED7D31"/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sz="1600" b="1">
                  <a:solidFill>
                    <a:schemeClr val="dk1"/>
                  </a:solidFill>
                </a:endParaRPr>
              </a:p>
            </p:txBody>
          </p:sp>
          <p:pic>
            <p:nvPicPr>
              <p:cNvPr id="56" name="Picture 4" descr="D:\ryuno\_徳島\コンテンツ制作\集中線.png">
                <a:extLst>
                  <a:ext uri="{FF2B5EF4-FFF2-40B4-BE49-F238E27FC236}">
                    <a16:creationId xmlns:a16="http://schemas.microsoft.com/office/drawing/2014/main" id="{C0D0D86A-F128-4365-A512-E33F570CCEC1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>
              <a:blip r:embed="rId10" cstate="print">
                <a:duotone>
                  <a:schemeClr val="accent2">
                    <a:shade val="45000"/>
                    <a:satMod val="135000"/>
                  </a:schemeClr>
                  <a:prstClr val="white"/>
                </a:duotone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1222509">
                <a:off x="-5209636" y="1705841"/>
                <a:ext cx="5347871" cy="2869765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54" name="テキスト ボックス 53">
              <a:extLst>
                <a:ext uri="{FF2B5EF4-FFF2-40B4-BE49-F238E27FC236}">
                  <a16:creationId xmlns:a16="http://schemas.microsoft.com/office/drawing/2014/main" id="{8C99FF03-854D-4D42-904E-4BE40E7C4357}"/>
                </a:ext>
              </a:extLst>
            </p:cNvPr>
            <p:cNvSpPr txBox="1"/>
            <p:nvPr/>
          </p:nvSpPr>
          <p:spPr>
            <a:xfrm rot="20420268">
              <a:off x="4326435" y="5505861"/>
              <a:ext cx="3682560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000" b="1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あー！？</a:t>
              </a:r>
              <a:endParaRPr lang="en-US" altLang="ja-JP" sz="2000" b="1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/>
              <a:r>
                <a:rPr lang="ja-JP" altLang="en-US" sz="2000" b="1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やられたー！</a:t>
              </a:r>
            </a:p>
          </p:txBody>
        </p:sp>
      </p:grpSp>
      <p:grpSp>
        <p:nvGrpSpPr>
          <p:cNvPr id="57" name="グループ化 56">
            <a:extLst>
              <a:ext uri="{FF2B5EF4-FFF2-40B4-BE49-F238E27FC236}">
                <a16:creationId xmlns:a16="http://schemas.microsoft.com/office/drawing/2014/main" id="{57BF1C0D-374D-4AA0-A3CD-4294C146F0D5}"/>
              </a:ext>
            </a:extLst>
          </p:cNvPr>
          <p:cNvGrpSpPr/>
          <p:nvPr/>
        </p:nvGrpSpPr>
        <p:grpSpPr>
          <a:xfrm rot="1932295">
            <a:off x="7127089" y="3045568"/>
            <a:ext cx="1989694" cy="1487432"/>
            <a:chOff x="-68620" y="1596633"/>
            <a:chExt cx="3550727" cy="1716670"/>
          </a:xfrm>
        </p:grpSpPr>
        <p:sp>
          <p:nvSpPr>
            <p:cNvPr id="58" name="爆発 2 6">
              <a:extLst>
                <a:ext uri="{FF2B5EF4-FFF2-40B4-BE49-F238E27FC236}">
                  <a16:creationId xmlns:a16="http://schemas.microsoft.com/office/drawing/2014/main" id="{F9483ED8-BD30-42D5-8836-DDA2885F3562}"/>
                </a:ext>
              </a:extLst>
            </p:cNvPr>
            <p:cNvSpPr/>
            <p:nvPr/>
          </p:nvSpPr>
          <p:spPr>
            <a:xfrm rot="305964">
              <a:off x="-68620" y="1596633"/>
              <a:ext cx="3496644" cy="1716670"/>
            </a:xfrm>
            <a:custGeom>
              <a:avLst/>
              <a:gdLst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550 w 21600"/>
                <a:gd name="connsiteY26" fmla="*/ 6382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9297 w 21600"/>
                <a:gd name="connsiteY26" fmla="*/ 4840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9297 w 21600"/>
                <a:gd name="connsiteY27" fmla="*/ 4840 h 21600"/>
                <a:gd name="connsiteX28" fmla="*/ 9722 w 21600"/>
                <a:gd name="connsiteY28" fmla="*/ 1887 h 21600"/>
                <a:gd name="connsiteX29" fmla="*/ 11462 w 21600"/>
                <a:gd name="connsiteY29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722 w 21600"/>
                <a:gd name="connsiteY29" fmla="*/ 956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587 w 17375"/>
                <a:gd name="connsiteY25" fmla="*/ 3112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</a:cxnLst>
              <a:rect l="l" t="t" r="r" b="b"/>
              <a:pathLst>
                <a:path w="17375" h="19770">
                  <a:moveTo>
                    <a:pt x="10318" y="3347"/>
                  </a:moveTo>
                  <a:cubicBezTo>
                    <a:pt x="11259" y="3281"/>
                    <a:pt x="12033" y="1929"/>
                    <a:pt x="12822" y="0"/>
                  </a:cubicBezTo>
                  <a:cubicBezTo>
                    <a:pt x="12734" y="1926"/>
                    <a:pt x="12538" y="3370"/>
                    <a:pt x="13289" y="3979"/>
                  </a:cubicBezTo>
                  <a:cubicBezTo>
                    <a:pt x="13885" y="4470"/>
                    <a:pt x="15322" y="3131"/>
                    <a:pt x="16238" y="2241"/>
                  </a:cubicBezTo>
                  <a:cubicBezTo>
                    <a:pt x="15767" y="3372"/>
                    <a:pt x="14990" y="4920"/>
                    <a:pt x="15236" y="5537"/>
                  </a:cubicBezTo>
                  <a:cubicBezTo>
                    <a:pt x="15634" y="6378"/>
                    <a:pt x="15635" y="6415"/>
                    <a:pt x="17375" y="6453"/>
                  </a:cubicBezTo>
                  <a:cubicBezTo>
                    <a:pt x="16635" y="7104"/>
                    <a:pt x="15910" y="7628"/>
                    <a:pt x="15841" y="8407"/>
                  </a:cubicBezTo>
                  <a:cubicBezTo>
                    <a:pt x="15857" y="9454"/>
                    <a:pt x="16424" y="9987"/>
                    <a:pt x="17172" y="10295"/>
                  </a:cubicBezTo>
                  <a:cubicBezTo>
                    <a:pt x="16451" y="10474"/>
                    <a:pt x="15271" y="10493"/>
                    <a:pt x="15236" y="11315"/>
                  </a:cubicBezTo>
                  <a:cubicBezTo>
                    <a:pt x="15076" y="12358"/>
                    <a:pt x="15604" y="13209"/>
                    <a:pt x="16436" y="14316"/>
                  </a:cubicBezTo>
                  <a:cubicBezTo>
                    <a:pt x="15491" y="13685"/>
                    <a:pt x="14288" y="12605"/>
                    <a:pt x="13496" y="13355"/>
                  </a:cubicBezTo>
                  <a:cubicBezTo>
                    <a:pt x="13292" y="13816"/>
                    <a:pt x="13544" y="15368"/>
                    <a:pt x="13798" y="16375"/>
                  </a:cubicBezTo>
                  <a:cubicBezTo>
                    <a:pt x="13000" y="15479"/>
                    <a:pt x="12140" y="14422"/>
                    <a:pt x="11036" y="14940"/>
                  </a:cubicBezTo>
                  <a:cubicBezTo>
                    <a:pt x="10466" y="15556"/>
                    <a:pt x="10245" y="16589"/>
                    <a:pt x="10468" y="17847"/>
                  </a:cubicBezTo>
                  <a:cubicBezTo>
                    <a:pt x="9995" y="17067"/>
                    <a:pt x="9323" y="16256"/>
                    <a:pt x="8728" y="16375"/>
                  </a:cubicBezTo>
                  <a:cubicBezTo>
                    <a:pt x="8093" y="16610"/>
                    <a:pt x="7733" y="17486"/>
                    <a:pt x="7556" y="18717"/>
                  </a:cubicBezTo>
                  <a:cubicBezTo>
                    <a:pt x="7318" y="17931"/>
                    <a:pt x="6972" y="17113"/>
                    <a:pt x="6383" y="17130"/>
                  </a:cubicBezTo>
                  <a:cubicBezTo>
                    <a:pt x="5772" y="17228"/>
                    <a:pt x="4430" y="18516"/>
                    <a:pt x="4063" y="19770"/>
                  </a:cubicBezTo>
                  <a:cubicBezTo>
                    <a:pt x="4087" y="18457"/>
                    <a:pt x="4049" y="17499"/>
                    <a:pt x="3523" y="16828"/>
                  </a:cubicBezTo>
                  <a:cubicBezTo>
                    <a:pt x="3077" y="16283"/>
                    <a:pt x="2143" y="16316"/>
                    <a:pt x="858" y="16766"/>
                  </a:cubicBezTo>
                  <a:cubicBezTo>
                    <a:pt x="1530" y="16033"/>
                    <a:pt x="2231" y="15397"/>
                    <a:pt x="2186" y="14375"/>
                  </a:cubicBezTo>
                  <a:cubicBezTo>
                    <a:pt x="2083" y="12837"/>
                    <a:pt x="1217" y="12199"/>
                    <a:pt x="0" y="11946"/>
                  </a:cubicBezTo>
                  <a:cubicBezTo>
                    <a:pt x="1083" y="11753"/>
                    <a:pt x="2761" y="11432"/>
                    <a:pt x="2791" y="10597"/>
                  </a:cubicBezTo>
                  <a:cubicBezTo>
                    <a:pt x="2831" y="9651"/>
                    <a:pt x="1544" y="8029"/>
                    <a:pt x="623" y="6922"/>
                  </a:cubicBezTo>
                  <a:cubicBezTo>
                    <a:pt x="1871" y="7499"/>
                    <a:pt x="3926" y="8044"/>
                    <a:pt x="4228" y="6822"/>
                  </a:cubicBezTo>
                  <a:cubicBezTo>
                    <a:pt x="4380" y="6196"/>
                    <a:pt x="3953" y="4509"/>
                    <a:pt x="3587" y="3112"/>
                  </a:cubicBezTo>
                  <a:cubicBezTo>
                    <a:pt x="4220" y="4228"/>
                    <a:pt x="5455" y="5348"/>
                    <a:pt x="6117" y="4940"/>
                  </a:cubicBezTo>
                  <a:cubicBezTo>
                    <a:pt x="6720" y="4233"/>
                    <a:pt x="6723" y="3164"/>
                    <a:pt x="6681" y="1503"/>
                  </a:cubicBezTo>
                  <a:cubicBezTo>
                    <a:pt x="7096" y="2959"/>
                    <a:pt x="7520" y="4103"/>
                    <a:pt x="8153" y="3845"/>
                  </a:cubicBezTo>
                  <a:cubicBezTo>
                    <a:pt x="8696" y="3643"/>
                    <a:pt x="8784" y="1802"/>
                    <a:pt x="8731" y="796"/>
                  </a:cubicBezTo>
                  <a:cubicBezTo>
                    <a:pt x="8960" y="1903"/>
                    <a:pt x="9235" y="3139"/>
                    <a:pt x="10318" y="3347"/>
                  </a:cubicBezTo>
                  <a:close/>
                </a:path>
              </a:pathLst>
            </a:custGeom>
            <a:solidFill>
              <a:srgbClr val="ED7D31"/>
            </a:solidFill>
            <a:ln w="38100">
              <a:noFill/>
              <a:round/>
            </a:ln>
          </p:spPr>
          <p:style>
            <a:lnRef idx="2">
              <a:schemeClr val="accent4"/>
            </a:lnRef>
            <a:fillRef idx="1">
              <a:schemeClr val="lt1"/>
            </a:fillRef>
            <a:effectRef idx="0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59" name="テキスト ボックス 58">
              <a:extLst>
                <a:ext uri="{FF2B5EF4-FFF2-40B4-BE49-F238E27FC236}">
                  <a16:creationId xmlns:a16="http://schemas.microsoft.com/office/drawing/2014/main" id="{05932C87-04F5-4FEC-BFEE-19BDF0BA2B78}"/>
                </a:ext>
              </a:extLst>
            </p:cNvPr>
            <p:cNvSpPr txBox="1"/>
            <p:nvPr/>
          </p:nvSpPr>
          <p:spPr>
            <a:xfrm rot="20485913">
              <a:off x="-29351" y="2076747"/>
              <a:ext cx="3511458" cy="81698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2000" b="1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そっち</a:t>
              </a:r>
              <a:endParaRPr kumimoji="1" lang="en-US" altLang="ja-JP" sz="2000" b="1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/>
              <a:r>
                <a:rPr lang="ja-JP" altLang="en-US" sz="2000" b="1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まかせた！</a:t>
              </a:r>
              <a:endParaRPr kumimoji="1" lang="ja-JP" altLang="en-US" sz="2000" b="1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</p:txBody>
        </p:sp>
      </p:grpSp>
      <p:grpSp>
        <p:nvGrpSpPr>
          <p:cNvPr id="65" name="グループ化 64">
            <a:extLst>
              <a:ext uri="{FF2B5EF4-FFF2-40B4-BE49-F238E27FC236}">
                <a16:creationId xmlns:a16="http://schemas.microsoft.com/office/drawing/2014/main" id="{AC851353-202A-4E08-9967-3994451353F9}"/>
              </a:ext>
            </a:extLst>
          </p:cNvPr>
          <p:cNvGrpSpPr/>
          <p:nvPr/>
        </p:nvGrpSpPr>
        <p:grpSpPr>
          <a:xfrm rot="21036371">
            <a:off x="5455074" y="1799623"/>
            <a:ext cx="2302748" cy="1774011"/>
            <a:chOff x="4202898" y="4998313"/>
            <a:chExt cx="4128530" cy="1747161"/>
          </a:xfrm>
        </p:grpSpPr>
        <p:grpSp>
          <p:nvGrpSpPr>
            <p:cNvPr id="66" name="グループ化 65">
              <a:extLst>
                <a:ext uri="{FF2B5EF4-FFF2-40B4-BE49-F238E27FC236}">
                  <a16:creationId xmlns:a16="http://schemas.microsoft.com/office/drawing/2014/main" id="{22DB06D1-2690-4058-8060-984A67EEBFC6}"/>
                </a:ext>
              </a:extLst>
            </p:cNvPr>
            <p:cNvGrpSpPr/>
            <p:nvPr/>
          </p:nvGrpSpPr>
          <p:grpSpPr>
            <a:xfrm rot="20961827">
              <a:off x="4202898" y="4998313"/>
              <a:ext cx="4128530" cy="1747161"/>
              <a:chOff x="-5263735" y="1664841"/>
              <a:chExt cx="5465081" cy="2961661"/>
            </a:xfrm>
          </p:grpSpPr>
          <p:sp>
            <p:nvSpPr>
              <p:cNvPr id="68" name="爆発 2 6">
                <a:extLst>
                  <a:ext uri="{FF2B5EF4-FFF2-40B4-BE49-F238E27FC236}">
                    <a16:creationId xmlns:a16="http://schemas.microsoft.com/office/drawing/2014/main" id="{D1B6BB47-12F0-495A-8261-6D05CE574766}"/>
                  </a:ext>
                </a:extLst>
              </p:cNvPr>
              <p:cNvSpPr/>
              <p:nvPr/>
            </p:nvSpPr>
            <p:spPr>
              <a:xfrm rot="1236237">
                <a:off x="-5223648" y="1664841"/>
                <a:ext cx="5424994" cy="296166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rgbClr val="ED7D31"/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sz="1600" b="1">
                  <a:solidFill>
                    <a:schemeClr val="dk1"/>
                  </a:solidFill>
                </a:endParaRPr>
              </a:p>
            </p:txBody>
          </p:sp>
          <p:pic>
            <p:nvPicPr>
              <p:cNvPr id="69" name="Picture 4" descr="D:\ryuno\_徳島\コンテンツ制作\集中線.png">
                <a:extLst>
                  <a:ext uri="{FF2B5EF4-FFF2-40B4-BE49-F238E27FC236}">
                    <a16:creationId xmlns:a16="http://schemas.microsoft.com/office/drawing/2014/main" id="{E960768D-DD44-4056-9D32-2E65C23FDB10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>
              <a:blip r:embed="rId11" cstate="print">
                <a:duotone>
                  <a:schemeClr val="accent2">
                    <a:shade val="45000"/>
                    <a:satMod val="135000"/>
                  </a:schemeClr>
                  <a:prstClr val="white"/>
                </a:duotone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1222509">
                <a:off x="-5263735" y="1718158"/>
                <a:ext cx="5347872" cy="2869766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67" name="テキスト ボックス 66">
              <a:extLst>
                <a:ext uri="{FF2B5EF4-FFF2-40B4-BE49-F238E27FC236}">
                  <a16:creationId xmlns:a16="http://schemas.microsoft.com/office/drawing/2014/main" id="{69BB743B-0A06-4BBF-85B3-478058326FA9}"/>
                </a:ext>
              </a:extLst>
            </p:cNvPr>
            <p:cNvSpPr txBox="1"/>
            <p:nvPr/>
          </p:nvSpPr>
          <p:spPr>
            <a:xfrm rot="20420268">
              <a:off x="4442008" y="5728150"/>
              <a:ext cx="3682559" cy="46997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000" b="1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いけるって！</a:t>
              </a:r>
            </a:p>
          </p:txBody>
        </p:sp>
      </p:grpSp>
      <p:grpSp>
        <p:nvGrpSpPr>
          <p:cNvPr id="70" name="グループ化 69">
            <a:extLst>
              <a:ext uri="{FF2B5EF4-FFF2-40B4-BE49-F238E27FC236}">
                <a16:creationId xmlns:a16="http://schemas.microsoft.com/office/drawing/2014/main" id="{1E2D28AF-E313-4053-A057-88E0C9AB8706}"/>
              </a:ext>
            </a:extLst>
          </p:cNvPr>
          <p:cNvGrpSpPr/>
          <p:nvPr/>
        </p:nvGrpSpPr>
        <p:grpSpPr>
          <a:xfrm rot="1636820">
            <a:off x="4203052" y="2853782"/>
            <a:ext cx="1647568" cy="1487432"/>
            <a:chOff x="-68620" y="1596633"/>
            <a:chExt cx="3652024" cy="1716670"/>
          </a:xfrm>
        </p:grpSpPr>
        <p:sp>
          <p:nvSpPr>
            <p:cNvPr id="71" name="爆発 2 6">
              <a:extLst>
                <a:ext uri="{FF2B5EF4-FFF2-40B4-BE49-F238E27FC236}">
                  <a16:creationId xmlns:a16="http://schemas.microsoft.com/office/drawing/2014/main" id="{FB66824A-F0A4-48CC-9FA8-A90D2E7D021A}"/>
                </a:ext>
              </a:extLst>
            </p:cNvPr>
            <p:cNvSpPr/>
            <p:nvPr/>
          </p:nvSpPr>
          <p:spPr>
            <a:xfrm rot="305964">
              <a:off x="-68620" y="1596633"/>
              <a:ext cx="3496644" cy="1716670"/>
            </a:xfrm>
            <a:custGeom>
              <a:avLst/>
              <a:gdLst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550 w 21600"/>
                <a:gd name="connsiteY26" fmla="*/ 6382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9297 w 21600"/>
                <a:gd name="connsiteY26" fmla="*/ 4840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9297 w 21600"/>
                <a:gd name="connsiteY27" fmla="*/ 4840 h 21600"/>
                <a:gd name="connsiteX28" fmla="*/ 9722 w 21600"/>
                <a:gd name="connsiteY28" fmla="*/ 1887 h 21600"/>
                <a:gd name="connsiteX29" fmla="*/ 11462 w 21600"/>
                <a:gd name="connsiteY29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722 w 21600"/>
                <a:gd name="connsiteY29" fmla="*/ 956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587 w 17375"/>
                <a:gd name="connsiteY25" fmla="*/ 3112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</a:cxnLst>
              <a:rect l="l" t="t" r="r" b="b"/>
              <a:pathLst>
                <a:path w="17375" h="19770">
                  <a:moveTo>
                    <a:pt x="10318" y="3347"/>
                  </a:moveTo>
                  <a:cubicBezTo>
                    <a:pt x="11259" y="3281"/>
                    <a:pt x="12033" y="1929"/>
                    <a:pt x="12822" y="0"/>
                  </a:cubicBezTo>
                  <a:cubicBezTo>
                    <a:pt x="12734" y="1926"/>
                    <a:pt x="12538" y="3370"/>
                    <a:pt x="13289" y="3979"/>
                  </a:cubicBezTo>
                  <a:cubicBezTo>
                    <a:pt x="13885" y="4470"/>
                    <a:pt x="15322" y="3131"/>
                    <a:pt x="16238" y="2241"/>
                  </a:cubicBezTo>
                  <a:cubicBezTo>
                    <a:pt x="15767" y="3372"/>
                    <a:pt x="14990" y="4920"/>
                    <a:pt x="15236" y="5537"/>
                  </a:cubicBezTo>
                  <a:cubicBezTo>
                    <a:pt x="15634" y="6378"/>
                    <a:pt x="15635" y="6415"/>
                    <a:pt x="17375" y="6453"/>
                  </a:cubicBezTo>
                  <a:cubicBezTo>
                    <a:pt x="16635" y="7104"/>
                    <a:pt x="15910" y="7628"/>
                    <a:pt x="15841" y="8407"/>
                  </a:cubicBezTo>
                  <a:cubicBezTo>
                    <a:pt x="15857" y="9454"/>
                    <a:pt x="16424" y="9987"/>
                    <a:pt x="17172" y="10295"/>
                  </a:cubicBezTo>
                  <a:cubicBezTo>
                    <a:pt x="16451" y="10474"/>
                    <a:pt x="15271" y="10493"/>
                    <a:pt x="15236" y="11315"/>
                  </a:cubicBezTo>
                  <a:cubicBezTo>
                    <a:pt x="15076" y="12358"/>
                    <a:pt x="15604" y="13209"/>
                    <a:pt x="16436" y="14316"/>
                  </a:cubicBezTo>
                  <a:cubicBezTo>
                    <a:pt x="15491" y="13685"/>
                    <a:pt x="14288" y="12605"/>
                    <a:pt x="13496" y="13355"/>
                  </a:cubicBezTo>
                  <a:cubicBezTo>
                    <a:pt x="13292" y="13816"/>
                    <a:pt x="13544" y="15368"/>
                    <a:pt x="13798" y="16375"/>
                  </a:cubicBezTo>
                  <a:cubicBezTo>
                    <a:pt x="13000" y="15479"/>
                    <a:pt x="12140" y="14422"/>
                    <a:pt x="11036" y="14940"/>
                  </a:cubicBezTo>
                  <a:cubicBezTo>
                    <a:pt x="10466" y="15556"/>
                    <a:pt x="10245" y="16589"/>
                    <a:pt x="10468" y="17847"/>
                  </a:cubicBezTo>
                  <a:cubicBezTo>
                    <a:pt x="9995" y="17067"/>
                    <a:pt x="9323" y="16256"/>
                    <a:pt x="8728" y="16375"/>
                  </a:cubicBezTo>
                  <a:cubicBezTo>
                    <a:pt x="8093" y="16610"/>
                    <a:pt x="7733" y="17486"/>
                    <a:pt x="7556" y="18717"/>
                  </a:cubicBezTo>
                  <a:cubicBezTo>
                    <a:pt x="7318" y="17931"/>
                    <a:pt x="6972" y="17113"/>
                    <a:pt x="6383" y="17130"/>
                  </a:cubicBezTo>
                  <a:cubicBezTo>
                    <a:pt x="5772" y="17228"/>
                    <a:pt x="4430" y="18516"/>
                    <a:pt x="4063" y="19770"/>
                  </a:cubicBezTo>
                  <a:cubicBezTo>
                    <a:pt x="4087" y="18457"/>
                    <a:pt x="4049" y="17499"/>
                    <a:pt x="3523" y="16828"/>
                  </a:cubicBezTo>
                  <a:cubicBezTo>
                    <a:pt x="3077" y="16283"/>
                    <a:pt x="2143" y="16316"/>
                    <a:pt x="858" y="16766"/>
                  </a:cubicBezTo>
                  <a:cubicBezTo>
                    <a:pt x="1530" y="16033"/>
                    <a:pt x="2231" y="15397"/>
                    <a:pt x="2186" y="14375"/>
                  </a:cubicBezTo>
                  <a:cubicBezTo>
                    <a:pt x="2083" y="12837"/>
                    <a:pt x="1217" y="12199"/>
                    <a:pt x="0" y="11946"/>
                  </a:cubicBezTo>
                  <a:cubicBezTo>
                    <a:pt x="1083" y="11753"/>
                    <a:pt x="2761" y="11432"/>
                    <a:pt x="2791" y="10597"/>
                  </a:cubicBezTo>
                  <a:cubicBezTo>
                    <a:pt x="2831" y="9651"/>
                    <a:pt x="1544" y="8029"/>
                    <a:pt x="623" y="6922"/>
                  </a:cubicBezTo>
                  <a:cubicBezTo>
                    <a:pt x="1871" y="7499"/>
                    <a:pt x="3926" y="8044"/>
                    <a:pt x="4228" y="6822"/>
                  </a:cubicBezTo>
                  <a:cubicBezTo>
                    <a:pt x="4380" y="6196"/>
                    <a:pt x="3953" y="4509"/>
                    <a:pt x="3587" y="3112"/>
                  </a:cubicBezTo>
                  <a:cubicBezTo>
                    <a:pt x="4220" y="4228"/>
                    <a:pt x="5455" y="5348"/>
                    <a:pt x="6117" y="4940"/>
                  </a:cubicBezTo>
                  <a:cubicBezTo>
                    <a:pt x="6720" y="4233"/>
                    <a:pt x="6723" y="3164"/>
                    <a:pt x="6681" y="1503"/>
                  </a:cubicBezTo>
                  <a:cubicBezTo>
                    <a:pt x="7096" y="2959"/>
                    <a:pt x="7520" y="4103"/>
                    <a:pt x="8153" y="3845"/>
                  </a:cubicBezTo>
                  <a:cubicBezTo>
                    <a:pt x="8696" y="3643"/>
                    <a:pt x="8784" y="1802"/>
                    <a:pt x="8731" y="796"/>
                  </a:cubicBezTo>
                  <a:cubicBezTo>
                    <a:pt x="8960" y="1903"/>
                    <a:pt x="9235" y="3139"/>
                    <a:pt x="10318" y="3347"/>
                  </a:cubicBezTo>
                  <a:close/>
                </a:path>
              </a:pathLst>
            </a:custGeom>
            <a:solidFill>
              <a:srgbClr val="ED7D31"/>
            </a:solidFill>
            <a:ln w="38100">
              <a:noFill/>
              <a:round/>
            </a:ln>
          </p:spPr>
          <p:style>
            <a:lnRef idx="2">
              <a:schemeClr val="accent4"/>
            </a:lnRef>
            <a:fillRef idx="1">
              <a:schemeClr val="lt1"/>
            </a:fillRef>
            <a:effectRef idx="0">
              <a:schemeClr val="accent4"/>
            </a:effectRef>
            <a:fontRef idx="minor">
              <a:schemeClr val="dk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72" name="テキスト ボックス 71">
              <a:extLst>
                <a:ext uri="{FF2B5EF4-FFF2-40B4-BE49-F238E27FC236}">
                  <a16:creationId xmlns:a16="http://schemas.microsoft.com/office/drawing/2014/main" id="{33F2BDD0-4842-4F07-AF2A-57393434D76D}"/>
                </a:ext>
              </a:extLst>
            </p:cNvPr>
            <p:cNvSpPr txBox="1"/>
            <p:nvPr/>
          </p:nvSpPr>
          <p:spPr>
            <a:xfrm rot="20485913">
              <a:off x="190564" y="2299566"/>
              <a:ext cx="3392840" cy="461774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2000" b="1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にげてー！</a:t>
              </a:r>
            </a:p>
          </p:txBody>
        </p:sp>
      </p:grpSp>
      <p:grpSp>
        <p:nvGrpSpPr>
          <p:cNvPr id="60" name="グループ化 59">
            <a:extLst>
              <a:ext uri="{FF2B5EF4-FFF2-40B4-BE49-F238E27FC236}">
                <a16:creationId xmlns:a16="http://schemas.microsoft.com/office/drawing/2014/main" id="{56413BB8-839E-4B44-8F46-2882B685DE40}"/>
              </a:ext>
            </a:extLst>
          </p:cNvPr>
          <p:cNvGrpSpPr/>
          <p:nvPr/>
        </p:nvGrpSpPr>
        <p:grpSpPr>
          <a:xfrm rot="1047365">
            <a:off x="2582281" y="1874705"/>
            <a:ext cx="2303512" cy="1796818"/>
            <a:chOff x="4232921" y="4995518"/>
            <a:chExt cx="4098247" cy="1747161"/>
          </a:xfrm>
        </p:grpSpPr>
        <p:grpSp>
          <p:nvGrpSpPr>
            <p:cNvPr id="61" name="グループ化 60">
              <a:extLst>
                <a:ext uri="{FF2B5EF4-FFF2-40B4-BE49-F238E27FC236}">
                  <a16:creationId xmlns:a16="http://schemas.microsoft.com/office/drawing/2014/main" id="{1E172644-B4E6-4532-B0A9-B9A5701B4497}"/>
                </a:ext>
              </a:extLst>
            </p:cNvPr>
            <p:cNvGrpSpPr/>
            <p:nvPr/>
          </p:nvGrpSpPr>
          <p:grpSpPr>
            <a:xfrm rot="20961827">
              <a:off x="4232921" y="4995518"/>
              <a:ext cx="4098247" cy="1747161"/>
              <a:chOff x="-5223648" y="1664841"/>
              <a:chExt cx="5424994" cy="2961661"/>
            </a:xfrm>
          </p:grpSpPr>
          <p:sp>
            <p:nvSpPr>
              <p:cNvPr id="63" name="爆発 2 6">
                <a:extLst>
                  <a:ext uri="{FF2B5EF4-FFF2-40B4-BE49-F238E27FC236}">
                    <a16:creationId xmlns:a16="http://schemas.microsoft.com/office/drawing/2014/main" id="{9CB3BAB3-3BBC-41E7-824D-236321AD2A84}"/>
                  </a:ext>
                </a:extLst>
              </p:cNvPr>
              <p:cNvSpPr/>
              <p:nvPr/>
            </p:nvSpPr>
            <p:spPr>
              <a:xfrm rot="1236237">
                <a:off x="-5223648" y="1664841"/>
                <a:ext cx="5424994" cy="2961661"/>
              </a:xfrm>
              <a:prstGeom prst="irregularSeal2">
                <a:avLst/>
              </a:prstGeom>
              <a:solidFill>
                <a:schemeClr val="bg1"/>
              </a:solidFill>
              <a:ln w="38100">
                <a:solidFill>
                  <a:srgbClr val="ED7D31"/>
                </a:solidFill>
                <a:round/>
              </a:ln>
              <a:effectLst>
                <a:softEdge rad="38100"/>
              </a:effectLst>
            </p:spPr>
            <p:style>
              <a:lnRef idx="2">
                <a:schemeClr val="accent4"/>
              </a:lnRef>
              <a:fillRef idx="1">
                <a:schemeClr val="lt1"/>
              </a:fillRef>
              <a:effectRef idx="0">
                <a:schemeClr val="accent4"/>
              </a:effectRef>
              <a:fontRef idx="minor">
                <a:schemeClr val="dk1"/>
              </a:fontRef>
            </p:style>
            <p:txBody>
              <a:bodyPr rtlCol="0" anchor="ctr"/>
              <a:lstStyle/>
              <a:p>
                <a:pPr algn="ctr"/>
                <a:endParaRPr lang="ja-JP" altLang="en-US" sz="1600" b="1">
                  <a:solidFill>
                    <a:schemeClr val="dk1"/>
                  </a:solidFill>
                </a:endParaRPr>
              </a:p>
            </p:txBody>
          </p:sp>
          <p:pic>
            <p:nvPicPr>
              <p:cNvPr id="64" name="Picture 4" descr="D:\ryuno\_徳島\コンテンツ制作\集中線.png">
                <a:extLst>
                  <a:ext uri="{FF2B5EF4-FFF2-40B4-BE49-F238E27FC236}">
                    <a16:creationId xmlns:a16="http://schemas.microsoft.com/office/drawing/2014/main" id="{66113619-742A-4795-A9DB-F04E3D52BBD0}"/>
                  </a:ext>
                </a:extLst>
              </p:cNvPr>
              <p:cNvPicPr>
                <a:picLocks noChangeAspect="1" noChangeArrowheads="1"/>
              </p:cNvPicPr>
              <p:nvPr/>
            </p:nvPicPr>
            <p:blipFill>
              <a:blip r:embed="rId11" cstate="print">
                <a:duotone>
                  <a:schemeClr val="accent2">
                    <a:shade val="45000"/>
                    <a:satMod val="135000"/>
                  </a:schemeClr>
                  <a:prstClr val="white"/>
                </a:duotone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1222509">
                <a:off x="-5209636" y="1705841"/>
                <a:ext cx="5347871" cy="2869765"/>
              </a:xfrm>
              <a:prstGeom prst="irregularSeal2">
                <a:avLst/>
              </a:prstGeom>
              <a:noFill/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</a:extLst>
            </p:spPr>
          </p:pic>
        </p:grpSp>
        <p:sp>
          <p:nvSpPr>
            <p:cNvPr id="62" name="テキスト ボックス 61">
              <a:extLst>
                <a:ext uri="{FF2B5EF4-FFF2-40B4-BE49-F238E27FC236}">
                  <a16:creationId xmlns:a16="http://schemas.microsoft.com/office/drawing/2014/main" id="{83D3F91E-189F-4CC1-9557-E444E1EBE6C0}"/>
                </a:ext>
              </a:extLst>
            </p:cNvPr>
            <p:cNvSpPr txBox="1"/>
            <p:nvPr/>
          </p:nvSpPr>
          <p:spPr>
            <a:xfrm rot="20420268">
              <a:off x="4326435" y="5505861"/>
              <a:ext cx="3682559" cy="707886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000" b="1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いまだ！</a:t>
              </a:r>
              <a:endParaRPr lang="en-US" altLang="ja-JP" sz="2000" b="1" dirty="0">
                <a:solidFill>
                  <a:schemeClr val="accent2">
                    <a:lumMod val="7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/>
              <a:r>
                <a:rPr lang="ja-JP" altLang="en-US" sz="2000" b="1" dirty="0">
                  <a:solidFill>
                    <a:schemeClr val="accent2">
                      <a:lumMod val="75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そこ！</a:t>
              </a:r>
            </a:p>
          </p:txBody>
        </p:sp>
      </p:grp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32D2C555-959C-220F-3389-CE0BE98E3E7B}"/>
              </a:ext>
            </a:extLst>
          </p:cNvPr>
          <p:cNvSpPr txBox="1"/>
          <p:nvPr/>
        </p:nvSpPr>
        <p:spPr>
          <a:xfrm>
            <a:off x="1328178" y="852998"/>
            <a:ext cx="96975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まい　にち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87D1DB10-AB43-4C6F-5D1B-06360B0323F7}"/>
              </a:ext>
            </a:extLst>
          </p:cNvPr>
          <p:cNvSpPr txBox="1"/>
          <p:nvPr/>
        </p:nvSpPr>
        <p:spPr>
          <a:xfrm>
            <a:off x="712108" y="1433723"/>
            <a:ext cx="95275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お　ごえ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097F1E92-3FA7-B0A1-D502-92A968B51B73}"/>
              </a:ext>
            </a:extLst>
          </p:cNvPr>
          <p:cNvSpPr txBox="1"/>
          <p:nvPr/>
        </p:nvSpPr>
        <p:spPr>
          <a:xfrm>
            <a:off x="4731865" y="852998"/>
            <a:ext cx="85447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　のう</a:t>
            </a:r>
          </a:p>
        </p:txBody>
      </p: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106AB2AA-2C43-C9B4-8874-A9EA4379DB42}"/>
              </a:ext>
            </a:extLst>
          </p:cNvPr>
          <p:cNvSpPr txBox="1"/>
          <p:nvPr/>
        </p:nvSpPr>
        <p:spPr>
          <a:xfrm>
            <a:off x="3078236" y="1433723"/>
            <a:ext cx="48579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つづ</a:t>
            </a:r>
          </a:p>
        </p:txBody>
      </p:sp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941B7286-A22F-32E1-15B3-B8339A407024}"/>
              </a:ext>
            </a:extLst>
          </p:cNvPr>
          <p:cNvSpPr txBox="1"/>
          <p:nvPr/>
        </p:nvSpPr>
        <p:spPr>
          <a:xfrm>
            <a:off x="7713885" y="852998"/>
            <a:ext cx="47950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そ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429069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10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500"/>
                            </p:stCondLst>
                            <p:childTnLst>
                              <p:par>
                                <p:cTn id="13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>
                            <p:stCondLst>
                              <p:cond delay="2000"/>
                            </p:stCondLst>
                            <p:childTnLst>
                              <p:par>
                                <p:cTn id="17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2500"/>
                            </p:stCondLst>
                            <p:childTnLst>
                              <p:par>
                                <p:cTn id="21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4" fill="hold">
                            <p:stCondLst>
                              <p:cond delay="3000"/>
                            </p:stCondLst>
                            <p:childTnLst>
                              <p:par>
                                <p:cTn id="2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23. </a:t>
            </a:r>
            <a:r>
              <a:rPr lang="ja-JP" altLang="en-US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ネットゲームのやりすぎはダメ！③（ルール・マナー）</a:t>
            </a:r>
            <a:endParaRPr lang="ja-JP" altLang="en-US" dirty="0"/>
          </a:p>
        </p:txBody>
      </p:sp>
      <p:sp>
        <p:nvSpPr>
          <p:cNvPr id="26" name="角丸四角形 40">
            <a:extLst>
              <a:ext uri="{FF2B5EF4-FFF2-40B4-BE49-F238E27FC236}">
                <a16:creationId xmlns:a16="http://schemas.microsoft.com/office/drawing/2014/main" id="{FD606F74-6863-42A9-8EF4-C1874D2CDF70}"/>
              </a:ext>
            </a:extLst>
          </p:cNvPr>
          <p:cNvSpPr/>
          <p:nvPr/>
        </p:nvSpPr>
        <p:spPr>
          <a:xfrm>
            <a:off x="2976716" y="2317750"/>
            <a:ext cx="3194582" cy="4215674"/>
          </a:xfrm>
          <a:prstGeom prst="roundRect">
            <a:avLst>
              <a:gd name="adj" fmla="val 7373"/>
            </a:avLst>
          </a:prstGeom>
          <a:solidFill>
            <a:schemeClr val="bg1">
              <a:lumMod val="95000"/>
            </a:schemeClr>
          </a:solidFill>
          <a:ln w="76200" cmpd="sng">
            <a:solidFill>
              <a:srgbClr val="70645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>
            <a:defPPr>
              <a:defRPr lang="ja-JP"/>
            </a:defPPr>
            <a:lvl1pPr marL="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kumimoji="1" sz="1800" kern="1200">
                <a:solidFill>
                  <a:schemeClr val="lt1"/>
                </a:solidFill>
                <a:latin typeface="+mn-lt"/>
                <a:ea typeface="+mn-ea"/>
                <a:cs typeface="+mn-cs"/>
              </a:defRPr>
            </a:lvl9pPr>
          </a:lstStyle>
          <a:p>
            <a:pPr algn="ctr"/>
            <a:endParaRPr lang="ja-JP" altLang="en-US" dirty="0"/>
          </a:p>
        </p:txBody>
      </p:sp>
      <p:grpSp>
        <p:nvGrpSpPr>
          <p:cNvPr id="7" name="グループ化 6">
            <a:extLst>
              <a:ext uri="{FF2B5EF4-FFF2-40B4-BE49-F238E27FC236}">
                <a16:creationId xmlns:a16="http://schemas.microsoft.com/office/drawing/2014/main" id="{B45D88C1-0C73-45E6-9041-26C7CBAFF77A}"/>
              </a:ext>
            </a:extLst>
          </p:cNvPr>
          <p:cNvGrpSpPr/>
          <p:nvPr/>
        </p:nvGrpSpPr>
        <p:grpSpPr>
          <a:xfrm>
            <a:off x="3132772" y="2637812"/>
            <a:ext cx="3732458" cy="992772"/>
            <a:chOff x="3132772" y="2637812"/>
            <a:chExt cx="3732458" cy="992772"/>
          </a:xfrm>
        </p:grpSpPr>
        <p:sp>
          <p:nvSpPr>
            <p:cNvPr id="61" name="二等辺三角形 60">
              <a:extLst>
                <a:ext uri="{FF2B5EF4-FFF2-40B4-BE49-F238E27FC236}">
                  <a16:creationId xmlns:a16="http://schemas.microsoft.com/office/drawing/2014/main" id="{0836AAF8-024E-42E7-87A2-C259CE830888}"/>
                </a:ext>
              </a:extLst>
            </p:cNvPr>
            <p:cNvSpPr/>
            <p:nvPr/>
          </p:nvSpPr>
          <p:spPr>
            <a:xfrm rot="5879280">
              <a:off x="6388189" y="3124157"/>
              <a:ext cx="256153" cy="697928"/>
            </a:xfrm>
            <a:prstGeom prst="triangle">
              <a:avLst>
                <a:gd name="adj" fmla="val 19771"/>
              </a:avLst>
            </a:prstGeom>
            <a:solidFill>
              <a:srgbClr val="70645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tIns="72000" rtlCol="0" anchor="ctr"/>
            <a:lstStyle/>
            <a:p>
              <a:pPr algn="ctr"/>
              <a:endParaRPr kumimoji="1" lang="ja-JP" altLang="en-US"/>
            </a:p>
          </p:txBody>
        </p:sp>
        <p:grpSp>
          <p:nvGrpSpPr>
            <p:cNvPr id="3" name="グループ化 2">
              <a:extLst>
                <a:ext uri="{FF2B5EF4-FFF2-40B4-BE49-F238E27FC236}">
                  <a16:creationId xmlns:a16="http://schemas.microsoft.com/office/drawing/2014/main" id="{EE04EAEA-6A60-4109-90C1-C2E6285AA7EE}"/>
                </a:ext>
              </a:extLst>
            </p:cNvPr>
            <p:cNvGrpSpPr/>
            <p:nvPr/>
          </p:nvGrpSpPr>
          <p:grpSpPr>
            <a:xfrm>
              <a:off x="3132772" y="2637812"/>
              <a:ext cx="3010826" cy="992772"/>
              <a:chOff x="3132772" y="2637812"/>
              <a:chExt cx="3010826" cy="992772"/>
            </a:xfrm>
          </p:grpSpPr>
          <p:sp>
            <p:nvSpPr>
              <p:cNvPr id="30" name="円/楕円 26">
                <a:extLst>
                  <a:ext uri="{FF2B5EF4-FFF2-40B4-BE49-F238E27FC236}">
                    <a16:creationId xmlns:a16="http://schemas.microsoft.com/office/drawing/2014/main" id="{1E238A76-BAAB-4A19-8845-41B86A9ACE56}"/>
                  </a:ext>
                </a:extLst>
              </p:cNvPr>
              <p:cNvSpPr/>
              <p:nvPr/>
            </p:nvSpPr>
            <p:spPr>
              <a:xfrm>
                <a:off x="3132772" y="2707535"/>
                <a:ext cx="858462" cy="858462"/>
              </a:xfrm>
              <a:prstGeom prst="ellipse">
                <a:avLst/>
              </a:prstGeom>
              <a:solidFill>
                <a:schemeClr val="bg1">
                  <a:lumMod val="95000"/>
                </a:schemeClr>
              </a:solidFill>
              <a:ln w="28575" cmpd="sng">
                <a:solidFill>
                  <a:srgbClr val="706453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>
                <a:defPPr>
                  <a:defRPr lang="ja-JP"/>
                </a:defPPr>
                <a:lvl1pPr marL="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algn="ctr"/>
                <a:endParaRPr lang="ja-JP" altLang="en-US"/>
              </a:p>
            </p:txBody>
          </p:sp>
          <p:pic>
            <p:nvPicPr>
              <p:cNvPr id="32" name="図 31" descr="人形, おもちゃ, 挿絵, 時計 が含まれている画像&#10;&#10;自動的に生成された説明">
                <a:extLst>
                  <a:ext uri="{FF2B5EF4-FFF2-40B4-BE49-F238E27FC236}">
                    <a16:creationId xmlns:a16="http://schemas.microsoft.com/office/drawing/2014/main" id="{B93ECF61-D133-4A22-ADF6-6E98760C98F7}"/>
                  </a:ext>
                </a:extLst>
              </p:cNvPr>
              <p:cNvPicPr>
                <a:picLocks noChangeAspect="1"/>
              </p:cNvPicPr>
              <p:nvPr/>
            </p:nvPicPr>
            <p:blipFill rotWithShape="1">
              <a:blip r:embed="rId4" cstate="print">
                <a:extLst>
                  <a:ext uri="{BEBA8EAE-BF5A-486C-A8C5-ECC9F3942E4B}">
                    <a14:imgProps xmlns:a14="http://schemas.microsoft.com/office/drawing/2010/main">
                      <a14:imgLayer r:embed="rId5">
                        <a14:imgEffect>
                          <a14:backgroundRemoval t="16000" b="55875" l="43375" r="81625">
                            <a14:foregroundMark x1="53375" y1="31500" x2="56125" y2="44750"/>
                            <a14:foregroundMark x1="72500" y1="32875" x2="70625" y2="44375"/>
                            <a14:foregroundMark x1="59250" y1="51250" x2="67500" y2="51750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43087" t="15210" r="17973" b="43453"/>
              <a:stretch/>
            </p:blipFill>
            <p:spPr>
              <a:xfrm>
                <a:off x="3195873" y="2759172"/>
                <a:ext cx="724567" cy="769181"/>
              </a:xfrm>
              <a:prstGeom prst="rect">
                <a:avLst/>
              </a:prstGeom>
              <a:effectLst/>
            </p:spPr>
          </p:pic>
          <p:sp>
            <p:nvSpPr>
              <p:cNvPr id="35" name="吹き出し: 角を丸めた四角形 34">
                <a:extLst>
                  <a:ext uri="{FF2B5EF4-FFF2-40B4-BE49-F238E27FC236}">
                    <a16:creationId xmlns:a16="http://schemas.microsoft.com/office/drawing/2014/main" id="{30F36904-9E36-42EE-9AD6-D9E0F3363543}"/>
                  </a:ext>
                </a:extLst>
              </p:cNvPr>
              <p:cNvSpPr/>
              <p:nvPr/>
            </p:nvSpPr>
            <p:spPr>
              <a:xfrm>
                <a:off x="4115989" y="2637812"/>
                <a:ext cx="1915131" cy="992772"/>
              </a:xfrm>
              <a:prstGeom prst="wedgeRoundRectCallout">
                <a:avLst>
                  <a:gd name="adj1" fmla="val -62243"/>
                  <a:gd name="adj2" fmla="val 20334"/>
                  <a:gd name="adj3" fmla="val 16667"/>
                </a:avLst>
              </a:prstGeom>
              <a:solidFill>
                <a:schemeClr val="bg1">
                  <a:lumMod val="95000"/>
                </a:schemeClr>
              </a:solidFill>
              <a:ln>
                <a:solidFill>
                  <a:schemeClr val="tx1"/>
                </a:solidFill>
              </a:ln>
              <a:scene3d>
                <a:camera prst="orthographicFront">
                  <a:rot lat="0" lon="0" rev="0"/>
                </a:camera>
                <a:lightRig rig="threePt" dir="t"/>
              </a:scene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 dirty="0">
                  <a:solidFill>
                    <a:schemeClr val="tx1"/>
                  </a:solidFill>
                </a:endParaRPr>
              </a:p>
            </p:txBody>
          </p:sp>
          <p:sp>
            <p:nvSpPr>
              <p:cNvPr id="36" name="テキスト ボックス 41">
                <a:extLst>
                  <a:ext uri="{FF2B5EF4-FFF2-40B4-BE49-F238E27FC236}">
                    <a16:creationId xmlns:a16="http://schemas.microsoft.com/office/drawing/2014/main" id="{FB51E2F4-2773-4A44-BB21-B6B956679F20}"/>
                  </a:ext>
                </a:extLst>
              </p:cNvPr>
              <p:cNvSpPr txBox="1"/>
              <p:nvPr/>
            </p:nvSpPr>
            <p:spPr>
              <a:xfrm>
                <a:off x="4106697" y="2659629"/>
                <a:ext cx="2036901" cy="92333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ja-JP"/>
                </a:defPPr>
                <a:lvl1pPr marL="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r>
                  <a:rPr lang="ja-JP" altLang="en-US" dirty="0">
                    <a:solidFill>
                      <a:srgbClr val="494138"/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ごめん。よるはもうゲームしたらだめっていわれちゃった。</a:t>
                </a:r>
              </a:p>
            </p:txBody>
          </p:sp>
        </p:grpSp>
      </p:grpSp>
      <p:pic>
        <p:nvPicPr>
          <p:cNvPr id="48" name="図 47">
            <a:extLst>
              <a:ext uri="{FF2B5EF4-FFF2-40B4-BE49-F238E27FC236}">
                <a16:creationId xmlns:a16="http://schemas.microsoft.com/office/drawing/2014/main" id="{17843EB8-577E-4B15-8710-9D7E0F5922AB}"/>
              </a:ext>
            </a:extLst>
          </p:cNvPr>
          <p:cNvPicPr>
            <a:picLocks noChangeAspect="1"/>
          </p:cNvPicPr>
          <p:nvPr/>
        </p:nvPicPr>
        <p:blipFill rotWithShape="1">
          <a:blip r:embed="rId6" cstate="print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colorTemperature colorTemp="72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24777" t="22838" r="25396" b="25354"/>
          <a:stretch/>
        </p:blipFill>
        <p:spPr>
          <a:xfrm>
            <a:off x="18319" y="4167447"/>
            <a:ext cx="2631385" cy="2736010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sp>
        <p:nvSpPr>
          <p:cNvPr id="50" name="テキスト ボックス 49">
            <a:extLst>
              <a:ext uri="{FF2B5EF4-FFF2-40B4-BE49-F238E27FC236}">
                <a16:creationId xmlns:a16="http://schemas.microsoft.com/office/drawing/2014/main" id="{1F8E181D-AF7C-4E06-BF1B-8889732D27CE}"/>
              </a:ext>
            </a:extLst>
          </p:cNvPr>
          <p:cNvSpPr txBox="1"/>
          <p:nvPr/>
        </p:nvSpPr>
        <p:spPr>
          <a:xfrm>
            <a:off x="68349" y="1048261"/>
            <a:ext cx="8974052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ともだちは親にしかられて、よるはゲームができない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ルールになったと断られてしまいました。</a:t>
            </a:r>
          </a:p>
        </p:txBody>
      </p:sp>
      <p:grpSp>
        <p:nvGrpSpPr>
          <p:cNvPr id="9" name="グループ化 8">
            <a:extLst>
              <a:ext uri="{FF2B5EF4-FFF2-40B4-BE49-F238E27FC236}">
                <a16:creationId xmlns:a16="http://schemas.microsoft.com/office/drawing/2014/main" id="{4257E76A-2F9C-4F59-8E83-F1D1420B68AD}"/>
              </a:ext>
            </a:extLst>
          </p:cNvPr>
          <p:cNvGrpSpPr/>
          <p:nvPr/>
        </p:nvGrpSpPr>
        <p:grpSpPr>
          <a:xfrm>
            <a:off x="2284011" y="5302076"/>
            <a:ext cx="3708562" cy="988017"/>
            <a:chOff x="2284011" y="5302076"/>
            <a:chExt cx="3708562" cy="988017"/>
          </a:xfrm>
        </p:grpSpPr>
        <p:sp>
          <p:nvSpPr>
            <p:cNvPr id="23" name="二等辺三角形 22">
              <a:extLst>
                <a:ext uri="{FF2B5EF4-FFF2-40B4-BE49-F238E27FC236}">
                  <a16:creationId xmlns:a16="http://schemas.microsoft.com/office/drawing/2014/main" id="{320E9A7A-3A1C-4720-BCF7-A04BCB1B35B9}"/>
                </a:ext>
              </a:extLst>
            </p:cNvPr>
            <p:cNvSpPr/>
            <p:nvPr/>
          </p:nvSpPr>
          <p:spPr>
            <a:xfrm rot="15769664">
              <a:off x="2509893" y="5624173"/>
              <a:ext cx="253200" cy="704964"/>
            </a:xfrm>
            <a:prstGeom prst="triangle">
              <a:avLst>
                <a:gd name="adj" fmla="val 19771"/>
              </a:avLst>
            </a:prstGeom>
            <a:solidFill>
              <a:srgbClr val="70645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tIns="72000" rtlCol="0" anchor="ctr"/>
            <a:lstStyle/>
            <a:p>
              <a:pPr algn="ctr"/>
              <a:endParaRPr kumimoji="1" lang="ja-JP" altLang="en-US"/>
            </a:p>
          </p:txBody>
        </p:sp>
        <p:grpSp>
          <p:nvGrpSpPr>
            <p:cNvPr id="6" name="グループ化 5">
              <a:extLst>
                <a:ext uri="{FF2B5EF4-FFF2-40B4-BE49-F238E27FC236}">
                  <a16:creationId xmlns:a16="http://schemas.microsoft.com/office/drawing/2014/main" id="{989E3099-1DAB-4935-9216-45B57A33B141}"/>
                </a:ext>
              </a:extLst>
            </p:cNvPr>
            <p:cNvGrpSpPr/>
            <p:nvPr/>
          </p:nvGrpSpPr>
          <p:grpSpPr>
            <a:xfrm>
              <a:off x="3132675" y="5302076"/>
              <a:ext cx="2859898" cy="988017"/>
              <a:chOff x="3132675" y="5302076"/>
              <a:chExt cx="2859898" cy="988017"/>
            </a:xfrm>
          </p:grpSpPr>
          <p:sp>
            <p:nvSpPr>
              <p:cNvPr id="31" name="円/楕円 26">
                <a:extLst>
                  <a:ext uri="{FF2B5EF4-FFF2-40B4-BE49-F238E27FC236}">
                    <a16:creationId xmlns:a16="http://schemas.microsoft.com/office/drawing/2014/main" id="{F6A0B696-7873-4D4B-A1BB-B39055DE2282}"/>
                  </a:ext>
                </a:extLst>
              </p:cNvPr>
              <p:cNvSpPr/>
              <p:nvPr/>
            </p:nvSpPr>
            <p:spPr>
              <a:xfrm>
                <a:off x="5134111" y="5383291"/>
                <a:ext cx="858462" cy="858462"/>
              </a:xfrm>
              <a:prstGeom prst="ellipse">
                <a:avLst/>
              </a:prstGeom>
              <a:solidFill>
                <a:schemeClr val="bg1">
                  <a:lumMod val="95000"/>
                </a:schemeClr>
              </a:solidFill>
              <a:ln w="28575" cmpd="sng">
                <a:solidFill>
                  <a:srgbClr val="706453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>
                <a:defPPr>
                  <a:defRPr lang="ja-JP"/>
                </a:defPPr>
                <a:lvl1pPr marL="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algn="ctr"/>
                <a:endParaRPr lang="ja-JP" altLang="en-US"/>
              </a:p>
            </p:txBody>
          </p:sp>
          <p:sp>
            <p:nvSpPr>
              <p:cNvPr id="39" name="吹き出し: 角を丸めた四角形 38">
                <a:extLst>
                  <a:ext uri="{FF2B5EF4-FFF2-40B4-BE49-F238E27FC236}">
                    <a16:creationId xmlns:a16="http://schemas.microsoft.com/office/drawing/2014/main" id="{F219711D-F52A-4961-ABBA-F580A82847E8}"/>
                  </a:ext>
                </a:extLst>
              </p:cNvPr>
              <p:cNvSpPr/>
              <p:nvPr/>
            </p:nvSpPr>
            <p:spPr>
              <a:xfrm flipH="1">
                <a:off x="3137120" y="5302076"/>
                <a:ext cx="1915132" cy="988017"/>
              </a:xfrm>
              <a:prstGeom prst="wedgeRoundRectCallout">
                <a:avLst>
                  <a:gd name="adj1" fmla="val -62243"/>
                  <a:gd name="adj2" fmla="val 20334"/>
                  <a:gd name="adj3" fmla="val 16667"/>
                </a:avLst>
              </a:prstGeom>
              <a:solidFill>
                <a:schemeClr val="bg1">
                  <a:lumMod val="95000"/>
                </a:schemeClr>
              </a:solidFill>
              <a:ln>
                <a:solidFill>
                  <a:schemeClr val="tx1"/>
                </a:solidFill>
              </a:ln>
              <a:scene3d>
                <a:camera prst="orthographicFront">
                  <a:rot lat="0" lon="0" rev="0"/>
                </a:camera>
                <a:lightRig rig="threePt" dir="t"/>
              </a:scene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 dirty="0">
                  <a:solidFill>
                    <a:schemeClr val="tx1"/>
                  </a:solidFill>
                </a:endParaRPr>
              </a:p>
            </p:txBody>
          </p:sp>
          <p:sp>
            <p:nvSpPr>
              <p:cNvPr id="40" name="テキスト ボックス 41">
                <a:extLst>
                  <a:ext uri="{FF2B5EF4-FFF2-40B4-BE49-F238E27FC236}">
                    <a16:creationId xmlns:a16="http://schemas.microsoft.com/office/drawing/2014/main" id="{3AD397B1-5557-4250-9EC1-5E624C0C3F2B}"/>
                  </a:ext>
                </a:extLst>
              </p:cNvPr>
              <p:cNvSpPr txBox="1"/>
              <p:nvPr/>
            </p:nvSpPr>
            <p:spPr>
              <a:xfrm>
                <a:off x="3132675" y="5345188"/>
                <a:ext cx="1945115" cy="92333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ja-JP"/>
                </a:defPPr>
                <a:lvl1pPr marL="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r>
                  <a:rPr lang="ja-JP" altLang="en-US" dirty="0">
                    <a:solidFill>
                      <a:srgbClr val="494138"/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えー！なんだよ！</a:t>
                </a:r>
                <a:endParaRPr lang="en-US" altLang="ja-JP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r>
                  <a:rPr lang="ja-JP" altLang="en-US" dirty="0">
                    <a:solidFill>
                      <a:srgbClr val="494138"/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ぼく一人でやってもイミないじゃん！</a:t>
                </a:r>
              </a:p>
            </p:txBody>
          </p:sp>
          <p:pic>
            <p:nvPicPr>
              <p:cNvPr id="29" name="図 28">
                <a:extLst>
                  <a:ext uri="{FF2B5EF4-FFF2-40B4-BE49-F238E27FC236}">
                    <a16:creationId xmlns:a16="http://schemas.microsoft.com/office/drawing/2014/main" id="{CC857A2C-CA95-450F-97E3-BDAAFCC79423}"/>
                  </a:ext>
                </a:extLst>
              </p:cNvPr>
              <p:cNvPicPr>
                <a:picLocks noChangeAspect="1"/>
              </p:cNvPicPr>
              <p:nvPr/>
            </p:nvPicPr>
            <p:blipFill rotWithShape="1">
              <a:blip r:embed="rId8" cstate="print">
                <a:extLst>
                  <a:ext uri="{BEBA8EAE-BF5A-486C-A8C5-ECC9F3942E4B}">
                    <a14:imgProps xmlns:a14="http://schemas.microsoft.com/office/drawing/2010/main">
                      <a14:imgLayer r:embed="rId9">
                        <a14:imgEffect>
                          <a14:backgroundRemoval t="61600" b="84400" l="25400" r="48600">
                            <a14:foregroundMark x1="30600" y1="80800" x2="34000" y2="83400"/>
                            <a14:backgroundMark x1="29200" y1="83000" x2="31800" y2="86400"/>
                            <a14:backgroundMark x1="30600" y1="82800" x2="33000" y2="84600"/>
                          </a14:backgroundRemoval>
                        </a14:imgEffect>
                      </a14:imgLayer>
                    </a14:imgProps>
                  </a:ex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 l="25420" t="61695" r="50117" b="15854"/>
              <a:stretch/>
            </p:blipFill>
            <p:spPr>
              <a:xfrm rot="20153822">
                <a:off x="5179248" y="5428419"/>
                <a:ext cx="792863" cy="727673"/>
              </a:xfrm>
              <a:prstGeom prst="rect">
                <a:avLst/>
              </a:prstGeom>
              <a:noFill/>
              <a:ln>
                <a:noFill/>
              </a:ln>
              <a:effectLst/>
            </p:spPr>
          </p:pic>
        </p:grpSp>
      </p:grpSp>
      <p:pic>
        <p:nvPicPr>
          <p:cNvPr id="55" name="図 54">
            <a:extLst>
              <a:ext uri="{FF2B5EF4-FFF2-40B4-BE49-F238E27FC236}">
                <a16:creationId xmlns:a16="http://schemas.microsoft.com/office/drawing/2014/main" id="{9B80FB56-8A9F-45E0-A2C5-80D009FC652F}"/>
              </a:ext>
            </a:extLst>
          </p:cNvPr>
          <p:cNvPicPr>
            <a:picLocks noChangeAspect="1"/>
          </p:cNvPicPr>
          <p:nvPr/>
        </p:nvPicPr>
        <p:blipFill rotWithShape="1">
          <a:blip r:embed="rId1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6694" t="21617" r="28185" b="5330"/>
          <a:stretch/>
        </p:blipFill>
        <p:spPr>
          <a:xfrm>
            <a:off x="6720669" y="1789118"/>
            <a:ext cx="1777834" cy="2878397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4" name="グループ化 3">
            <a:extLst>
              <a:ext uri="{FF2B5EF4-FFF2-40B4-BE49-F238E27FC236}">
                <a16:creationId xmlns:a16="http://schemas.microsoft.com/office/drawing/2014/main" id="{2B78B76B-7F2F-4722-948D-1A6FF8201DD6}"/>
              </a:ext>
            </a:extLst>
          </p:cNvPr>
          <p:cNvGrpSpPr/>
          <p:nvPr/>
        </p:nvGrpSpPr>
        <p:grpSpPr>
          <a:xfrm>
            <a:off x="6565226" y="4008232"/>
            <a:ext cx="2567294" cy="2849767"/>
            <a:chOff x="6565226" y="4008232"/>
            <a:chExt cx="2567294" cy="2849767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grpSpPr>
        <p:pic>
          <p:nvPicPr>
            <p:cNvPr id="56" name="図 55">
              <a:extLst>
                <a:ext uri="{FF2B5EF4-FFF2-40B4-BE49-F238E27FC236}">
                  <a16:creationId xmlns:a16="http://schemas.microsoft.com/office/drawing/2014/main" id="{2A5C1568-0628-4C88-8DC2-8B31A5059E3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1" cstate="print">
              <a:extLst>
                <a:ext uri="{BEBA8EAE-BF5A-486C-A8C5-ECC9F3942E4B}">
                  <a14:imgProps xmlns:a14="http://schemas.microsoft.com/office/drawing/2010/main">
                    <a14:imgLayer r:embed="rId12">
                      <a14:imgEffect>
                        <a14:colorTemperature colorTemp="7200"/>
                      </a14:imgEffect>
                      <a14:imgEffect>
                        <a14:saturation sat="66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9096" t="21063" r="31838" b="35579"/>
            <a:stretch/>
          </p:blipFill>
          <p:spPr>
            <a:xfrm flipH="1">
              <a:off x="6565226" y="4008232"/>
              <a:ext cx="2567294" cy="2849767"/>
            </a:xfrm>
            <a:prstGeom prst="rect">
              <a:avLst/>
            </a:prstGeom>
            <a:effectLst/>
          </p:spPr>
        </p:pic>
        <p:pic>
          <p:nvPicPr>
            <p:cNvPr id="57" name="図 56">
              <a:extLst>
                <a:ext uri="{FF2B5EF4-FFF2-40B4-BE49-F238E27FC236}">
                  <a16:creationId xmlns:a16="http://schemas.microsoft.com/office/drawing/2014/main" id="{C965D93F-038C-42CD-8FB1-0A48E18151F0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1" cstate="print">
              <a:extLst>
                <a:ext uri="{BEBA8EAE-BF5A-486C-A8C5-ECC9F3942E4B}">
                  <a14:imgProps xmlns:a14="http://schemas.microsoft.com/office/drawing/2010/main">
                    <a14:imgLayer r:embed="rId12">
                      <a14:imgEffect>
                        <a14:colorTemperature colorTemp="7200"/>
                      </a14:imgEffect>
                      <a14:imgEffect>
                        <a14:saturation sat="66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7084" t="42337" r="49939" b="55084"/>
            <a:stretch/>
          </p:blipFill>
          <p:spPr>
            <a:xfrm rot="1051859" flipH="1">
              <a:off x="7446168" y="5496639"/>
              <a:ext cx="316164" cy="141363"/>
            </a:xfrm>
            <a:prstGeom prst="rect">
              <a:avLst/>
            </a:prstGeom>
            <a:effectLst/>
          </p:spPr>
        </p:pic>
        <p:pic>
          <p:nvPicPr>
            <p:cNvPr id="58" name="図 57">
              <a:extLst>
                <a:ext uri="{FF2B5EF4-FFF2-40B4-BE49-F238E27FC236}">
                  <a16:creationId xmlns:a16="http://schemas.microsoft.com/office/drawing/2014/main" id="{A7A319EC-ED05-49EF-94D5-A788A04C5BC9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1" cstate="print">
              <a:extLst>
                <a:ext uri="{BEBA8EAE-BF5A-486C-A8C5-ECC9F3942E4B}">
                  <a14:imgProps xmlns:a14="http://schemas.microsoft.com/office/drawing/2010/main">
                    <a14:imgLayer r:embed="rId12">
                      <a14:imgEffect>
                        <a14:colorTemperature colorTemp="7200"/>
                      </a14:imgEffect>
                      <a14:imgEffect>
                        <a14:saturation sat="66000"/>
                      </a14:imgEffect>
                    </a14:imgLayer>
                  </a14:imgProps>
                </a:ex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7084" t="42337" r="49939" b="55084"/>
            <a:stretch/>
          </p:blipFill>
          <p:spPr>
            <a:xfrm rot="1051859" flipH="1">
              <a:off x="7607137" y="5400528"/>
              <a:ext cx="169765" cy="141363"/>
            </a:xfrm>
            <a:prstGeom prst="rect">
              <a:avLst/>
            </a:prstGeom>
            <a:effectLst/>
          </p:spPr>
        </p:pic>
        <p:pic>
          <p:nvPicPr>
            <p:cNvPr id="59" name="図 58">
              <a:extLst>
                <a:ext uri="{FF2B5EF4-FFF2-40B4-BE49-F238E27FC236}">
                  <a16:creationId xmlns:a16="http://schemas.microsoft.com/office/drawing/2014/main" id="{1D58DF1F-627D-43BC-8055-BBDE44F8FDC3}"/>
                </a:ext>
              </a:extLst>
            </p:cNvPr>
            <p:cNvPicPr>
              <a:picLocks noChangeAspect="1"/>
            </p:cNvPicPr>
            <p:nvPr/>
          </p:nvPicPr>
          <p:blipFill rotWithShape="1">
            <a:blip r:embed="rId13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45551" t="56677" r="44295" b="38972"/>
            <a:stretch/>
          </p:blipFill>
          <p:spPr>
            <a:xfrm rot="21060588">
              <a:off x="7541203" y="5528490"/>
              <a:ext cx="203968" cy="63704"/>
            </a:xfrm>
            <a:prstGeom prst="rect">
              <a:avLst/>
            </a:prstGeom>
            <a:effectLst/>
          </p:spPr>
        </p:pic>
      </p:grpSp>
      <p:sp>
        <p:nvSpPr>
          <p:cNvPr id="62" name="吹き出し: 円形 61">
            <a:extLst>
              <a:ext uri="{FF2B5EF4-FFF2-40B4-BE49-F238E27FC236}">
                <a16:creationId xmlns:a16="http://schemas.microsoft.com/office/drawing/2014/main" id="{E32F9B90-A41D-4777-A9C0-E1A62030D1F9}"/>
              </a:ext>
            </a:extLst>
          </p:cNvPr>
          <p:cNvSpPr/>
          <p:nvPr/>
        </p:nvSpPr>
        <p:spPr>
          <a:xfrm rot="1290737">
            <a:off x="2134017" y="4187930"/>
            <a:ext cx="347156" cy="309886"/>
          </a:xfrm>
          <a:prstGeom prst="wedgeEllipseCallout">
            <a:avLst>
              <a:gd name="adj1" fmla="val -54985"/>
              <a:gd name="adj2" fmla="val 109898"/>
            </a:avLst>
          </a:prstGeom>
          <a:solidFill>
            <a:schemeClr val="bg1">
              <a:lumMod val="95000"/>
            </a:schemeClr>
          </a:solidFill>
          <a:ln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8" name="グループ化 7">
            <a:extLst>
              <a:ext uri="{FF2B5EF4-FFF2-40B4-BE49-F238E27FC236}">
                <a16:creationId xmlns:a16="http://schemas.microsoft.com/office/drawing/2014/main" id="{4C01C8C5-9BFB-4B39-9B38-5D5BCECFE400}"/>
              </a:ext>
            </a:extLst>
          </p:cNvPr>
          <p:cNvGrpSpPr/>
          <p:nvPr/>
        </p:nvGrpSpPr>
        <p:grpSpPr>
          <a:xfrm>
            <a:off x="3132772" y="3767747"/>
            <a:ext cx="3797547" cy="1716244"/>
            <a:chOff x="3132772" y="3767747"/>
            <a:chExt cx="3797547" cy="1716244"/>
          </a:xfrm>
        </p:grpSpPr>
        <p:sp>
          <p:nvSpPr>
            <p:cNvPr id="60" name="二等辺三角形 59">
              <a:extLst>
                <a:ext uri="{FF2B5EF4-FFF2-40B4-BE49-F238E27FC236}">
                  <a16:creationId xmlns:a16="http://schemas.microsoft.com/office/drawing/2014/main" id="{F17A2558-DDC1-4AE8-BB3A-B5A70895FF6C}"/>
                </a:ext>
              </a:extLst>
            </p:cNvPr>
            <p:cNvSpPr/>
            <p:nvPr/>
          </p:nvSpPr>
          <p:spPr>
            <a:xfrm rot="5864554">
              <a:off x="6423887" y="4977558"/>
              <a:ext cx="253200" cy="759665"/>
            </a:xfrm>
            <a:prstGeom prst="triangle">
              <a:avLst>
                <a:gd name="adj" fmla="val 100000"/>
              </a:avLst>
            </a:prstGeom>
            <a:solidFill>
              <a:srgbClr val="706453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tIns="72000" rtlCol="0" anchor="ctr"/>
            <a:lstStyle/>
            <a:p>
              <a:pPr algn="ctr"/>
              <a:endParaRPr kumimoji="1" lang="ja-JP" altLang="en-US"/>
            </a:p>
          </p:txBody>
        </p:sp>
        <p:grpSp>
          <p:nvGrpSpPr>
            <p:cNvPr id="5" name="グループ化 4">
              <a:extLst>
                <a:ext uri="{FF2B5EF4-FFF2-40B4-BE49-F238E27FC236}">
                  <a16:creationId xmlns:a16="http://schemas.microsoft.com/office/drawing/2014/main" id="{4AB12FB2-2028-4AFA-97EF-DA590BADC500}"/>
                </a:ext>
              </a:extLst>
            </p:cNvPr>
            <p:cNvGrpSpPr/>
            <p:nvPr/>
          </p:nvGrpSpPr>
          <p:grpSpPr>
            <a:xfrm>
              <a:off x="3132772" y="3767747"/>
              <a:ext cx="3010826" cy="1200329"/>
              <a:chOff x="3132772" y="3767747"/>
              <a:chExt cx="3010826" cy="1200329"/>
            </a:xfrm>
          </p:grpSpPr>
          <p:sp>
            <p:nvSpPr>
              <p:cNvPr id="51" name="円/楕円 26">
                <a:extLst>
                  <a:ext uri="{FF2B5EF4-FFF2-40B4-BE49-F238E27FC236}">
                    <a16:creationId xmlns:a16="http://schemas.microsoft.com/office/drawing/2014/main" id="{DDA9254A-9761-4236-9C73-49A764F161C7}"/>
                  </a:ext>
                </a:extLst>
              </p:cNvPr>
              <p:cNvSpPr/>
              <p:nvPr/>
            </p:nvSpPr>
            <p:spPr>
              <a:xfrm>
                <a:off x="3132772" y="4045027"/>
                <a:ext cx="858462" cy="858462"/>
              </a:xfrm>
              <a:prstGeom prst="ellipse">
                <a:avLst/>
              </a:prstGeom>
              <a:solidFill>
                <a:schemeClr val="bg1">
                  <a:lumMod val="95000"/>
                </a:schemeClr>
              </a:solidFill>
              <a:ln w="28575" cmpd="sng">
                <a:solidFill>
                  <a:srgbClr val="706453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>
                <a:defPPr>
                  <a:defRPr lang="ja-JP"/>
                </a:defPPr>
                <a:lvl1pPr marL="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kumimoji="1" sz="1800" kern="1200">
                    <a:solidFill>
                      <a:schemeClr val="lt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algn="ctr"/>
                <a:endParaRPr lang="ja-JP" altLang="en-US"/>
              </a:p>
            </p:txBody>
          </p:sp>
          <p:sp>
            <p:nvSpPr>
              <p:cNvPr id="52" name="吹き出し: 角を丸めた四角形 51">
                <a:extLst>
                  <a:ext uri="{FF2B5EF4-FFF2-40B4-BE49-F238E27FC236}">
                    <a16:creationId xmlns:a16="http://schemas.microsoft.com/office/drawing/2014/main" id="{A534D310-B3B8-4ED7-B27F-EE96A5A653D4}"/>
                  </a:ext>
                </a:extLst>
              </p:cNvPr>
              <p:cNvSpPr/>
              <p:nvPr/>
            </p:nvSpPr>
            <p:spPr>
              <a:xfrm>
                <a:off x="4115989" y="3975304"/>
                <a:ext cx="1915131" cy="992772"/>
              </a:xfrm>
              <a:prstGeom prst="wedgeRoundRectCallout">
                <a:avLst>
                  <a:gd name="adj1" fmla="val -62243"/>
                  <a:gd name="adj2" fmla="val 20334"/>
                  <a:gd name="adj3" fmla="val 16667"/>
                </a:avLst>
              </a:prstGeom>
              <a:solidFill>
                <a:schemeClr val="bg1">
                  <a:lumMod val="95000"/>
                </a:schemeClr>
              </a:solidFill>
              <a:ln>
                <a:solidFill>
                  <a:schemeClr val="tx1"/>
                </a:solidFill>
              </a:ln>
              <a:scene3d>
                <a:camera prst="orthographicFront">
                  <a:rot lat="0" lon="0" rev="0"/>
                </a:camera>
                <a:lightRig rig="threePt" dir="t"/>
              </a:scene3d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kumimoji="1" lang="ja-JP" altLang="en-US" dirty="0">
                  <a:solidFill>
                    <a:schemeClr val="tx1"/>
                  </a:solidFill>
                </a:endParaRPr>
              </a:p>
            </p:txBody>
          </p:sp>
          <p:sp>
            <p:nvSpPr>
              <p:cNvPr id="54" name="テキスト ボックス 41">
                <a:extLst>
                  <a:ext uri="{FF2B5EF4-FFF2-40B4-BE49-F238E27FC236}">
                    <a16:creationId xmlns:a16="http://schemas.microsoft.com/office/drawing/2014/main" id="{F9D9C21E-6DFF-431C-B166-88FBB4CFB167}"/>
                  </a:ext>
                </a:extLst>
              </p:cNvPr>
              <p:cNvSpPr txBox="1"/>
              <p:nvPr/>
            </p:nvSpPr>
            <p:spPr>
              <a:xfrm>
                <a:off x="4106697" y="3767747"/>
                <a:ext cx="2036901" cy="120032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>
                <a:defPPr>
                  <a:defRPr lang="ja-JP"/>
                </a:defPPr>
                <a:lvl1pPr marL="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1pPr>
                <a:lvl2pPr marL="4572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2pPr>
                <a:lvl3pPr marL="9144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3pPr>
                <a:lvl4pPr marL="13716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4pPr>
                <a:lvl5pPr marL="18288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5pPr>
                <a:lvl6pPr marL="22860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7432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2004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657600" algn="l" defTabSz="914400" rtl="0" eaLnBrk="1" latinLnBrk="0" hangingPunct="1">
                  <a:defRPr kumimoji="1"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>
                  <a:lnSpc>
                    <a:spcPct val="200000"/>
                  </a:lnSpc>
                </a:pPr>
                <a:r>
                  <a:rPr lang="ja-JP" altLang="en-US" dirty="0">
                    <a:solidFill>
                      <a:srgbClr val="494138"/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うちも。</a:t>
                </a:r>
                <a:endParaRPr lang="en-US" altLang="ja-JP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r>
                  <a:rPr lang="ja-JP" altLang="en-US" dirty="0">
                    <a:solidFill>
                      <a:srgbClr val="494138"/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よるは騒ぐなだって。</a:t>
                </a:r>
                <a:endParaRPr lang="en-US" altLang="ja-JP" dirty="0">
                  <a:solidFill>
                    <a:srgbClr val="494138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endParaRPr>
              </a:p>
              <a:p>
                <a:r>
                  <a:rPr lang="ja-JP" altLang="en-US" dirty="0">
                    <a:solidFill>
                      <a:srgbClr val="494138"/>
                    </a:solidFill>
                    <a:latin typeface="Meiryo UI" panose="020B0604030504040204" pitchFamily="50" charset="-128"/>
                    <a:ea typeface="Meiryo UI" panose="020B0604030504040204" pitchFamily="50" charset="-128"/>
                    <a:cs typeface="Meiryo UI" panose="020B0604030504040204" pitchFamily="50" charset="-128"/>
                  </a:rPr>
                  <a:t>こんごはムリだね。</a:t>
                </a:r>
              </a:p>
            </p:txBody>
          </p:sp>
          <p:pic>
            <p:nvPicPr>
              <p:cNvPr id="70" name="図 69">
                <a:extLst>
                  <a:ext uri="{FF2B5EF4-FFF2-40B4-BE49-F238E27FC236}">
                    <a16:creationId xmlns:a16="http://schemas.microsoft.com/office/drawing/2014/main" id="{723F3437-9DEF-244E-A4C8-BBECE09899CD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4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3193320" y="4107381"/>
                <a:ext cx="711200" cy="774700"/>
              </a:xfrm>
              <a:prstGeom prst="rect">
                <a:avLst/>
              </a:prstGeom>
            </p:spPr>
          </p:pic>
        </p:grpSp>
      </p:grpSp>
      <p:sp>
        <p:nvSpPr>
          <p:cNvPr id="63" name="吹き出し: 円形 62">
            <a:extLst>
              <a:ext uri="{FF2B5EF4-FFF2-40B4-BE49-F238E27FC236}">
                <a16:creationId xmlns:a16="http://schemas.microsoft.com/office/drawing/2014/main" id="{252DD1B5-DB96-4AF4-8D09-DDF855C180DD}"/>
              </a:ext>
            </a:extLst>
          </p:cNvPr>
          <p:cNvSpPr/>
          <p:nvPr/>
        </p:nvSpPr>
        <p:spPr>
          <a:xfrm rot="17955326">
            <a:off x="500087" y="3666286"/>
            <a:ext cx="480148" cy="370148"/>
          </a:xfrm>
          <a:prstGeom prst="wedgeEllipseCallout">
            <a:avLst>
              <a:gd name="adj1" fmla="val -54985"/>
              <a:gd name="adj2" fmla="val 109898"/>
            </a:avLst>
          </a:prstGeom>
          <a:solidFill>
            <a:schemeClr val="bg1">
              <a:lumMod val="95000"/>
            </a:schemeClr>
          </a:solidFill>
          <a:ln>
            <a:solidFill>
              <a:schemeClr val="tx1"/>
            </a:solidFill>
          </a:ln>
          <a:scene3d>
            <a:camera prst="orthographicFront">
              <a:rot lat="0" lon="0" rev="0"/>
            </a:camera>
            <a:lightRig rig="threePt" dir="t"/>
          </a:scene3d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 dirty="0">
              <a:solidFill>
                <a:schemeClr val="tx1"/>
              </a:solidFill>
            </a:endParaRPr>
          </a:p>
        </p:txBody>
      </p:sp>
      <p:grpSp>
        <p:nvGrpSpPr>
          <p:cNvPr id="64" name="グループ化 63">
            <a:extLst>
              <a:ext uri="{FF2B5EF4-FFF2-40B4-BE49-F238E27FC236}">
                <a16:creationId xmlns:a16="http://schemas.microsoft.com/office/drawing/2014/main" id="{8D990980-7D2C-495B-A49D-797B17C3901F}"/>
              </a:ext>
            </a:extLst>
          </p:cNvPr>
          <p:cNvGrpSpPr/>
          <p:nvPr/>
        </p:nvGrpSpPr>
        <p:grpSpPr>
          <a:xfrm>
            <a:off x="126942" y="2157854"/>
            <a:ext cx="2631384" cy="2062692"/>
            <a:chOff x="8173488" y="4788220"/>
            <a:chExt cx="3193654" cy="2062692"/>
          </a:xfrm>
        </p:grpSpPr>
        <p:sp>
          <p:nvSpPr>
            <p:cNvPr id="65" name="円/楕円 55">
              <a:extLst>
                <a:ext uri="{FF2B5EF4-FFF2-40B4-BE49-F238E27FC236}">
                  <a16:creationId xmlns:a16="http://schemas.microsoft.com/office/drawing/2014/main" id="{6636B62D-4A1C-461B-A01C-03379DBB3A53}"/>
                </a:ext>
              </a:extLst>
            </p:cNvPr>
            <p:cNvSpPr/>
            <p:nvPr/>
          </p:nvSpPr>
          <p:spPr>
            <a:xfrm rot="21313003" flipH="1">
              <a:off x="9905344" y="6457270"/>
              <a:ext cx="172496" cy="137872"/>
            </a:xfrm>
            <a:prstGeom prst="ellipse">
              <a:avLst/>
            </a:prstGeom>
            <a:solidFill>
              <a:srgbClr val="004DA0"/>
            </a:solidFill>
            <a:ln w="38100">
              <a:solidFill>
                <a:srgbClr val="004DA0"/>
              </a:solidFill>
            </a:ln>
            <a:effectLst>
              <a:glow rad="63500">
                <a:schemeClr val="accent1">
                  <a:satMod val="175000"/>
                  <a:alpha val="40000"/>
                </a:schemeClr>
              </a:glo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/>
            </a:p>
          </p:txBody>
        </p:sp>
        <p:sp>
          <p:nvSpPr>
            <p:cNvPr id="66" name="雲 31">
              <a:extLst>
                <a:ext uri="{FF2B5EF4-FFF2-40B4-BE49-F238E27FC236}">
                  <a16:creationId xmlns:a16="http://schemas.microsoft.com/office/drawing/2014/main" id="{C9BA338A-9D1C-4534-83B7-B832FFB2741A}"/>
                </a:ext>
              </a:extLst>
            </p:cNvPr>
            <p:cNvSpPr/>
            <p:nvPr/>
          </p:nvSpPr>
          <p:spPr>
            <a:xfrm flipH="1">
              <a:off x="8173488" y="4788220"/>
              <a:ext cx="3193654" cy="1579338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12 w 43256"/>
                <a:gd name="connsiteY13" fmla="*/ 35606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6050 w 43256"/>
                <a:gd name="connsiteY13" fmla="*/ 35003 h 43219"/>
                <a:gd name="connsiteX14" fmla="*/ 35118 w 43256"/>
                <a:gd name="connsiteY14" fmla="*/ 36183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80" y="30755"/>
                    <a:pt x="37355" y="31595"/>
                    <a:pt x="37012" y="32109"/>
                  </a:cubicBezTo>
                  <a:cubicBezTo>
                    <a:pt x="36780" y="32932"/>
                    <a:pt x="36366" y="34324"/>
                    <a:pt x="36050" y="35003"/>
                  </a:cubicBezTo>
                  <a:cubicBezTo>
                    <a:pt x="35764" y="35454"/>
                    <a:pt x="35423" y="35938"/>
                    <a:pt x="35118" y="36183"/>
                  </a:cubicBezTo>
                  <a:cubicBezTo>
                    <a:pt x="34125" y="36981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solidFill>
              <a:srgbClr val="004DA0"/>
            </a:solidFill>
            <a:ln w="38100">
              <a:solidFill>
                <a:srgbClr val="004DA0"/>
              </a:solidFill>
            </a:ln>
            <a:effectLst>
              <a:glow rad="63500">
                <a:schemeClr val="accent1">
                  <a:satMod val="175000"/>
                  <a:alpha val="40000"/>
                </a:schemeClr>
              </a:glo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/>
            </a:p>
          </p:txBody>
        </p:sp>
        <p:sp>
          <p:nvSpPr>
            <p:cNvPr id="67" name="円/楕円 57">
              <a:extLst>
                <a:ext uri="{FF2B5EF4-FFF2-40B4-BE49-F238E27FC236}">
                  <a16:creationId xmlns:a16="http://schemas.microsoft.com/office/drawing/2014/main" id="{078E5B05-0508-47E1-A89B-2A32BD56F529}"/>
                </a:ext>
              </a:extLst>
            </p:cNvPr>
            <p:cNvSpPr/>
            <p:nvPr/>
          </p:nvSpPr>
          <p:spPr>
            <a:xfrm rot="21313003" flipH="1">
              <a:off x="9816155" y="6762213"/>
              <a:ext cx="110973" cy="88699"/>
            </a:xfrm>
            <a:prstGeom prst="ellipse">
              <a:avLst/>
            </a:prstGeom>
            <a:solidFill>
              <a:srgbClr val="004DA0"/>
            </a:solidFill>
            <a:ln w="38100">
              <a:solidFill>
                <a:srgbClr val="004DA0"/>
              </a:solidFill>
            </a:ln>
            <a:effectLst>
              <a:glow rad="63500">
                <a:schemeClr val="accent1">
                  <a:satMod val="175000"/>
                  <a:alpha val="40000"/>
                </a:schemeClr>
              </a:glo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/>
            </a:p>
          </p:txBody>
        </p:sp>
        <p:sp>
          <p:nvSpPr>
            <p:cNvPr id="68" name="テキスト ボックス 67">
              <a:extLst>
                <a:ext uri="{FF2B5EF4-FFF2-40B4-BE49-F238E27FC236}">
                  <a16:creationId xmlns:a16="http://schemas.microsoft.com/office/drawing/2014/main" id="{623BDD3D-3ADC-4824-8E13-225C6B411EBD}"/>
                </a:ext>
              </a:extLst>
            </p:cNvPr>
            <p:cNvSpPr txBox="1"/>
            <p:nvPr/>
          </p:nvSpPr>
          <p:spPr>
            <a:xfrm rot="292457">
              <a:off x="8481551" y="4931453"/>
              <a:ext cx="2750540" cy="1169551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そんなの</a:t>
              </a:r>
              <a:endParaRPr lang="en-US" altLang="ja-JP" sz="2000" dirty="0">
                <a:solidFill>
                  <a:schemeClr val="bg1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>
                <a:spcAft>
                  <a:spcPts val="1200"/>
                </a:spcAft>
              </a:pPr>
              <a:r>
                <a:rPr lang="ja-JP" altLang="en-US" sz="2000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気にしなくて</a:t>
              </a:r>
              <a:br>
                <a:rPr lang="en-US" altLang="ja-JP" sz="2000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</a:br>
              <a:r>
                <a:rPr lang="ja-JP" altLang="en-US" sz="2000" dirty="0">
                  <a:solidFill>
                    <a:schemeClr val="bg1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いいじゃないか！</a:t>
              </a:r>
            </a:p>
          </p:txBody>
        </p:sp>
      </p:grpSp>
      <p:sp>
        <p:nvSpPr>
          <p:cNvPr id="41" name="テキスト ボックス 40">
            <a:extLst>
              <a:ext uri="{FF2B5EF4-FFF2-40B4-BE49-F238E27FC236}">
                <a16:creationId xmlns:a16="http://schemas.microsoft.com/office/drawing/2014/main" id="{FEC927D6-3DA9-40F7-BEA3-4AF337B2CBBC}"/>
              </a:ext>
            </a:extLst>
          </p:cNvPr>
          <p:cNvSpPr txBox="1"/>
          <p:nvPr/>
        </p:nvSpPr>
        <p:spPr>
          <a:xfrm>
            <a:off x="4615102" y="4183805"/>
            <a:ext cx="44022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さわ</a:t>
            </a:r>
          </a:p>
        </p:txBody>
      </p:sp>
      <p:sp>
        <p:nvSpPr>
          <p:cNvPr id="11" name="テキスト ボックス 10">
            <a:extLst>
              <a:ext uri="{FF2B5EF4-FFF2-40B4-BE49-F238E27FC236}">
                <a16:creationId xmlns:a16="http://schemas.microsoft.com/office/drawing/2014/main" id="{9EBC29C7-91ED-B18D-F678-A4653447C98A}"/>
              </a:ext>
            </a:extLst>
          </p:cNvPr>
          <p:cNvSpPr txBox="1"/>
          <p:nvPr/>
        </p:nvSpPr>
        <p:spPr>
          <a:xfrm>
            <a:off x="1752600" y="852381"/>
            <a:ext cx="474208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や</a:t>
            </a:r>
          </a:p>
        </p:txBody>
      </p:sp>
      <p:sp>
        <p:nvSpPr>
          <p:cNvPr id="12" name="テキスト ボックス 11">
            <a:extLst>
              <a:ext uri="{FF2B5EF4-FFF2-40B4-BE49-F238E27FC236}">
                <a16:creationId xmlns:a16="http://schemas.microsoft.com/office/drawing/2014/main" id="{C2FE8647-F54E-C106-B97F-F5DA6B5B4213}"/>
              </a:ext>
            </a:extLst>
          </p:cNvPr>
          <p:cNvSpPr txBox="1"/>
          <p:nvPr/>
        </p:nvSpPr>
        <p:spPr>
          <a:xfrm>
            <a:off x="2644058" y="1418225"/>
            <a:ext cx="66327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tx1">
                    <a:lumMod val="75000"/>
                    <a:lumOff val="25000"/>
                  </a:schemeClr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ことわ</a:t>
            </a:r>
          </a:p>
        </p:txBody>
      </p:sp>
      <p:sp>
        <p:nvSpPr>
          <p:cNvPr id="15" name="テキスト ボックス 14">
            <a:extLst>
              <a:ext uri="{FF2B5EF4-FFF2-40B4-BE49-F238E27FC236}">
                <a16:creationId xmlns:a16="http://schemas.microsoft.com/office/drawing/2014/main" id="{BF2FB558-235B-C91A-6A44-BC1304A8D1AF}"/>
              </a:ext>
            </a:extLst>
          </p:cNvPr>
          <p:cNvSpPr txBox="1"/>
          <p:nvPr/>
        </p:nvSpPr>
        <p:spPr>
          <a:xfrm rot="345415">
            <a:off x="710457" y="2518987"/>
            <a:ext cx="42228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chemeClr val="bg1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96579774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5" fill="hold">
                            <p:stCondLst>
                              <p:cond delay="1000"/>
                            </p:stCondLst>
                            <p:childTnLst>
                              <p:par>
                                <p:cTn id="16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9" fill="hold">
                            <p:stCondLst>
                              <p:cond delay="2000"/>
                            </p:stCondLst>
                            <p:childTnLst>
                              <p:par>
                                <p:cTn id="20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1" grpId="0"/>
      <p:bldP spid="15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23. </a:t>
            </a:r>
            <a:r>
              <a:rPr lang="ja-JP" altLang="en-US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ネットゲームのやりすぎはダメ！③（ルール・マナー）</a:t>
            </a:r>
            <a:endParaRPr lang="ja-JP" altLang="en-US" dirty="0"/>
          </a:p>
        </p:txBody>
      </p:sp>
      <p:sp>
        <p:nvSpPr>
          <p:cNvPr id="53" name="テキスト ボックス 52"/>
          <p:cNvSpPr txBox="1"/>
          <p:nvPr/>
        </p:nvSpPr>
        <p:spPr>
          <a:xfrm>
            <a:off x="68349" y="1048261"/>
            <a:ext cx="8843422" cy="107721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近所からも、よる騒がしいというクレームがきてしまい、</a:t>
            </a:r>
            <a:endParaRPr lang="en-US" altLang="ja-JP" sz="2700" spc="-90" dirty="0">
              <a:solidFill>
                <a:schemeClr val="tx1">
                  <a:lumMod val="75000"/>
                  <a:lumOff val="25000"/>
                </a:schemeClr>
              </a:solidFill>
              <a:latin typeface="メイリオ" panose="020B0604030504040204" pitchFamily="50" charset="-128"/>
              <a:ea typeface="メイリオ" panose="020B0604030504040204" pitchFamily="50" charset="-128"/>
            </a:endParaRPr>
          </a:p>
          <a:p>
            <a:pPr>
              <a:spcAft>
                <a:spcPts val="1200"/>
              </a:spcAft>
            </a:pPr>
            <a:r>
              <a:rPr lang="ja-JP" altLang="en-US" sz="2700" spc="-90" dirty="0">
                <a:solidFill>
                  <a:schemeClr val="tx1">
                    <a:lumMod val="75000"/>
                    <a:lumOff val="25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</a:rPr>
              <a:t>鳴門くんは親と一緒にあやまりにいきました。</a:t>
            </a:r>
          </a:p>
        </p:txBody>
      </p:sp>
      <p:pic>
        <p:nvPicPr>
          <p:cNvPr id="25" name="図 24" descr="おもちゃ, 挿絵 が含まれている画像&#10;&#10;自動的に生成された説明">
            <a:extLst>
              <a:ext uri="{FF2B5EF4-FFF2-40B4-BE49-F238E27FC236}">
                <a16:creationId xmlns:a16="http://schemas.microsoft.com/office/drawing/2014/main" id="{BB73D84C-7D1E-4F15-AAFB-BD39FA2EF6A6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BEBA8EAE-BF5A-486C-A8C5-ECC9F3942E4B}">
                <a14:imgProps xmlns:a14="http://schemas.microsoft.com/office/drawing/2010/main">
                  <a14:imgLayer r:embed="rId5">
                    <a14:imgEffect>
                      <a14:colorTemperature colorTemp="8800"/>
                    </a14:imgEffect>
                    <a14:imgEffect>
                      <a14:saturation sat="66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t="23399" r="55216" b="-824"/>
          <a:stretch/>
        </p:blipFill>
        <p:spPr>
          <a:xfrm flipH="1">
            <a:off x="6150546" y="2671988"/>
            <a:ext cx="2518080" cy="4250216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pic>
        <p:nvPicPr>
          <p:cNvPr id="30" name="図 29">
            <a:extLst>
              <a:ext uri="{FF2B5EF4-FFF2-40B4-BE49-F238E27FC236}">
                <a16:creationId xmlns:a16="http://schemas.microsoft.com/office/drawing/2014/main" id="{DE27601C-D2D5-4582-BDF6-1BADD6C945B4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3093" t="2534" r="45208" b="15885"/>
          <a:stretch/>
        </p:blipFill>
        <p:spPr>
          <a:xfrm>
            <a:off x="-14341" y="2671988"/>
            <a:ext cx="2652766" cy="4186012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39" name="グループ化 38">
            <a:extLst>
              <a:ext uri="{FF2B5EF4-FFF2-40B4-BE49-F238E27FC236}">
                <a16:creationId xmlns:a16="http://schemas.microsoft.com/office/drawing/2014/main" id="{6C8D407C-DE86-42A4-B260-357D2B70904D}"/>
              </a:ext>
            </a:extLst>
          </p:cNvPr>
          <p:cNvGrpSpPr/>
          <p:nvPr/>
        </p:nvGrpSpPr>
        <p:grpSpPr>
          <a:xfrm rot="20447396" flipH="1">
            <a:off x="1993618" y="1987428"/>
            <a:ext cx="2876311" cy="1983068"/>
            <a:chOff x="288172" y="2069429"/>
            <a:chExt cx="4103232" cy="1895018"/>
          </a:xfrm>
        </p:grpSpPr>
        <p:sp>
          <p:nvSpPr>
            <p:cNvPr id="40" name="爆発 2 6">
              <a:extLst>
                <a:ext uri="{FF2B5EF4-FFF2-40B4-BE49-F238E27FC236}">
                  <a16:creationId xmlns:a16="http://schemas.microsoft.com/office/drawing/2014/main" id="{6C4B2DB2-FEDB-482B-B0AB-60F54231CA9F}"/>
                </a:ext>
              </a:extLst>
            </p:cNvPr>
            <p:cNvSpPr/>
            <p:nvPr/>
          </p:nvSpPr>
          <p:spPr>
            <a:xfrm rot="10800000">
              <a:off x="429549" y="2069429"/>
              <a:ext cx="3961855" cy="1895018"/>
            </a:xfrm>
            <a:custGeom>
              <a:avLst/>
              <a:gdLst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550 w 21600"/>
                <a:gd name="connsiteY26" fmla="*/ 6382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8458 w 21600"/>
                <a:gd name="connsiteY26" fmla="*/ 6157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9297 w 21600"/>
                <a:gd name="connsiteY26" fmla="*/ 4840 h 21600"/>
                <a:gd name="connsiteX27" fmla="*/ 9722 w 21600"/>
                <a:gd name="connsiteY27" fmla="*/ 1887 h 21600"/>
                <a:gd name="connsiteX28" fmla="*/ 11462 w 21600"/>
                <a:gd name="connsiteY28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9297 w 21600"/>
                <a:gd name="connsiteY27" fmla="*/ 4840 h 21600"/>
                <a:gd name="connsiteX28" fmla="*/ 9722 w 21600"/>
                <a:gd name="connsiteY28" fmla="*/ 1887 h 21600"/>
                <a:gd name="connsiteX29" fmla="*/ 11462 w 21600"/>
                <a:gd name="connsiteY29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4342 h 21600"/>
                <a:gd name="connsiteX1" fmla="*/ 14790 w 21600"/>
                <a:gd name="connsiteY1" fmla="*/ 0 h 21600"/>
                <a:gd name="connsiteX2" fmla="*/ 14525 w 21600"/>
                <a:gd name="connsiteY2" fmla="*/ 5777 h 21600"/>
                <a:gd name="connsiteX3" fmla="*/ 18007 w 21600"/>
                <a:gd name="connsiteY3" fmla="*/ 3172 h 21600"/>
                <a:gd name="connsiteX4" fmla="*/ 16380 w 21600"/>
                <a:gd name="connsiteY4" fmla="*/ 6532 h 21600"/>
                <a:gd name="connsiteX5" fmla="*/ 21600 w 21600"/>
                <a:gd name="connsiteY5" fmla="*/ 6645 h 21600"/>
                <a:gd name="connsiteX6" fmla="*/ 16985 w 21600"/>
                <a:gd name="connsiteY6" fmla="*/ 9402 h 21600"/>
                <a:gd name="connsiteX7" fmla="*/ 18270 w 21600"/>
                <a:gd name="connsiteY7" fmla="*/ 11290 h 21600"/>
                <a:gd name="connsiteX8" fmla="*/ 16380 w 21600"/>
                <a:gd name="connsiteY8" fmla="*/ 12310 h 21600"/>
                <a:gd name="connsiteX9" fmla="*/ 18877 w 21600"/>
                <a:gd name="connsiteY9" fmla="*/ 15632 h 21600"/>
                <a:gd name="connsiteX10" fmla="*/ 14640 w 21600"/>
                <a:gd name="connsiteY10" fmla="*/ 14350 h 21600"/>
                <a:gd name="connsiteX11" fmla="*/ 14942 w 21600"/>
                <a:gd name="connsiteY11" fmla="*/ 17370 h 21600"/>
                <a:gd name="connsiteX12" fmla="*/ 12180 w 21600"/>
                <a:gd name="connsiteY12" fmla="*/ 15935 h 21600"/>
                <a:gd name="connsiteX13" fmla="*/ 11612 w 21600"/>
                <a:gd name="connsiteY13" fmla="*/ 18842 h 21600"/>
                <a:gd name="connsiteX14" fmla="*/ 9872 w 21600"/>
                <a:gd name="connsiteY14" fmla="*/ 17370 h 21600"/>
                <a:gd name="connsiteX15" fmla="*/ 8700 w 21600"/>
                <a:gd name="connsiteY15" fmla="*/ 19712 h 21600"/>
                <a:gd name="connsiteX16" fmla="*/ 7527 w 21600"/>
                <a:gd name="connsiteY16" fmla="*/ 18125 h 21600"/>
                <a:gd name="connsiteX17" fmla="*/ 4917 w 21600"/>
                <a:gd name="connsiteY17" fmla="*/ 21600 h 21600"/>
                <a:gd name="connsiteX18" fmla="*/ 4805 w 21600"/>
                <a:gd name="connsiteY18" fmla="*/ 18240 h 21600"/>
                <a:gd name="connsiteX19" fmla="*/ 1285 w 21600"/>
                <a:gd name="connsiteY19" fmla="*/ 17825 h 21600"/>
                <a:gd name="connsiteX20" fmla="*/ 3330 w 21600"/>
                <a:gd name="connsiteY20" fmla="*/ 15370 h 21600"/>
                <a:gd name="connsiteX21" fmla="*/ 0 w 21600"/>
                <a:gd name="connsiteY21" fmla="*/ 12877 h 21600"/>
                <a:gd name="connsiteX22" fmla="*/ 3935 w 21600"/>
                <a:gd name="connsiteY22" fmla="*/ 11592 h 21600"/>
                <a:gd name="connsiteX23" fmla="*/ 1172 w 21600"/>
                <a:gd name="connsiteY23" fmla="*/ 8270 h 21600"/>
                <a:gd name="connsiteX24" fmla="*/ 5372 w 21600"/>
                <a:gd name="connsiteY24" fmla="*/ 7817 h 21600"/>
                <a:gd name="connsiteX25" fmla="*/ 4502 w 21600"/>
                <a:gd name="connsiteY25" fmla="*/ 3625 h 21600"/>
                <a:gd name="connsiteX26" fmla="*/ 7261 w 21600"/>
                <a:gd name="connsiteY26" fmla="*/ 5935 h 21600"/>
                <a:gd name="connsiteX27" fmla="*/ 7825 w 21600"/>
                <a:gd name="connsiteY27" fmla="*/ 2498 h 21600"/>
                <a:gd name="connsiteX28" fmla="*/ 9297 w 21600"/>
                <a:gd name="connsiteY28" fmla="*/ 4840 h 21600"/>
                <a:gd name="connsiteX29" fmla="*/ 9722 w 21600"/>
                <a:gd name="connsiteY29" fmla="*/ 1887 h 21600"/>
                <a:gd name="connsiteX30" fmla="*/ 11462 w 21600"/>
                <a:gd name="connsiteY30" fmla="*/ 4342 h 21600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722 w 21600"/>
                <a:gd name="connsiteY29" fmla="*/ 956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411 h 20669"/>
                <a:gd name="connsiteX1" fmla="*/ 14424 w 21600"/>
                <a:gd name="connsiteY1" fmla="*/ 0 h 20669"/>
                <a:gd name="connsiteX2" fmla="*/ 14525 w 21600"/>
                <a:gd name="connsiteY2" fmla="*/ 4846 h 20669"/>
                <a:gd name="connsiteX3" fmla="*/ 18007 w 21600"/>
                <a:gd name="connsiteY3" fmla="*/ 2241 h 20669"/>
                <a:gd name="connsiteX4" fmla="*/ 16380 w 21600"/>
                <a:gd name="connsiteY4" fmla="*/ 5601 h 20669"/>
                <a:gd name="connsiteX5" fmla="*/ 21600 w 21600"/>
                <a:gd name="connsiteY5" fmla="*/ 5714 h 20669"/>
                <a:gd name="connsiteX6" fmla="*/ 16985 w 21600"/>
                <a:gd name="connsiteY6" fmla="*/ 8471 h 20669"/>
                <a:gd name="connsiteX7" fmla="*/ 18270 w 21600"/>
                <a:gd name="connsiteY7" fmla="*/ 10359 h 20669"/>
                <a:gd name="connsiteX8" fmla="*/ 16380 w 21600"/>
                <a:gd name="connsiteY8" fmla="*/ 11379 h 20669"/>
                <a:gd name="connsiteX9" fmla="*/ 18877 w 21600"/>
                <a:gd name="connsiteY9" fmla="*/ 14701 h 20669"/>
                <a:gd name="connsiteX10" fmla="*/ 14640 w 21600"/>
                <a:gd name="connsiteY10" fmla="*/ 13419 h 20669"/>
                <a:gd name="connsiteX11" fmla="*/ 14942 w 21600"/>
                <a:gd name="connsiteY11" fmla="*/ 16439 h 20669"/>
                <a:gd name="connsiteX12" fmla="*/ 12180 w 21600"/>
                <a:gd name="connsiteY12" fmla="*/ 15004 h 20669"/>
                <a:gd name="connsiteX13" fmla="*/ 11612 w 21600"/>
                <a:gd name="connsiteY13" fmla="*/ 17911 h 20669"/>
                <a:gd name="connsiteX14" fmla="*/ 9872 w 21600"/>
                <a:gd name="connsiteY14" fmla="*/ 16439 h 20669"/>
                <a:gd name="connsiteX15" fmla="*/ 8700 w 21600"/>
                <a:gd name="connsiteY15" fmla="*/ 18781 h 20669"/>
                <a:gd name="connsiteX16" fmla="*/ 7527 w 21600"/>
                <a:gd name="connsiteY16" fmla="*/ 17194 h 20669"/>
                <a:gd name="connsiteX17" fmla="*/ 4917 w 21600"/>
                <a:gd name="connsiteY17" fmla="*/ 20669 h 20669"/>
                <a:gd name="connsiteX18" fmla="*/ 4805 w 21600"/>
                <a:gd name="connsiteY18" fmla="*/ 17309 h 20669"/>
                <a:gd name="connsiteX19" fmla="*/ 1285 w 21600"/>
                <a:gd name="connsiteY19" fmla="*/ 16894 h 20669"/>
                <a:gd name="connsiteX20" fmla="*/ 3330 w 21600"/>
                <a:gd name="connsiteY20" fmla="*/ 14439 h 20669"/>
                <a:gd name="connsiteX21" fmla="*/ 0 w 21600"/>
                <a:gd name="connsiteY21" fmla="*/ 11946 h 20669"/>
                <a:gd name="connsiteX22" fmla="*/ 3935 w 21600"/>
                <a:gd name="connsiteY22" fmla="*/ 10661 h 20669"/>
                <a:gd name="connsiteX23" fmla="*/ 1172 w 21600"/>
                <a:gd name="connsiteY23" fmla="*/ 7339 h 20669"/>
                <a:gd name="connsiteX24" fmla="*/ 5372 w 21600"/>
                <a:gd name="connsiteY24" fmla="*/ 6886 h 20669"/>
                <a:gd name="connsiteX25" fmla="*/ 4502 w 21600"/>
                <a:gd name="connsiteY25" fmla="*/ 2694 h 20669"/>
                <a:gd name="connsiteX26" fmla="*/ 7261 w 21600"/>
                <a:gd name="connsiteY26" fmla="*/ 5004 h 20669"/>
                <a:gd name="connsiteX27" fmla="*/ 7825 w 21600"/>
                <a:gd name="connsiteY27" fmla="*/ 1567 h 20669"/>
                <a:gd name="connsiteX28" fmla="*/ 9297 w 21600"/>
                <a:gd name="connsiteY28" fmla="*/ 3909 h 20669"/>
                <a:gd name="connsiteX29" fmla="*/ 9875 w 21600"/>
                <a:gd name="connsiteY29" fmla="*/ 860 h 20669"/>
                <a:gd name="connsiteX30" fmla="*/ 11462 w 21600"/>
                <a:gd name="connsiteY30" fmla="*/ 3411 h 20669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525 w 21600"/>
                <a:gd name="connsiteY2" fmla="*/ 4782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8007 w 21600"/>
                <a:gd name="connsiteY3" fmla="*/ 2177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21600"/>
                <a:gd name="connsiteY0" fmla="*/ 3347 h 20605"/>
                <a:gd name="connsiteX1" fmla="*/ 13966 w 21600"/>
                <a:gd name="connsiteY1" fmla="*/ 0 h 20605"/>
                <a:gd name="connsiteX2" fmla="*/ 14433 w 21600"/>
                <a:gd name="connsiteY2" fmla="*/ 3979 h 20605"/>
                <a:gd name="connsiteX3" fmla="*/ 17382 w 21600"/>
                <a:gd name="connsiteY3" fmla="*/ 2241 h 20605"/>
                <a:gd name="connsiteX4" fmla="*/ 16380 w 21600"/>
                <a:gd name="connsiteY4" fmla="*/ 5537 h 20605"/>
                <a:gd name="connsiteX5" fmla="*/ 21600 w 21600"/>
                <a:gd name="connsiteY5" fmla="*/ 5650 h 20605"/>
                <a:gd name="connsiteX6" fmla="*/ 16985 w 21600"/>
                <a:gd name="connsiteY6" fmla="*/ 8407 h 20605"/>
                <a:gd name="connsiteX7" fmla="*/ 18270 w 21600"/>
                <a:gd name="connsiteY7" fmla="*/ 10295 h 20605"/>
                <a:gd name="connsiteX8" fmla="*/ 16380 w 21600"/>
                <a:gd name="connsiteY8" fmla="*/ 11315 h 20605"/>
                <a:gd name="connsiteX9" fmla="*/ 18877 w 21600"/>
                <a:gd name="connsiteY9" fmla="*/ 14637 h 20605"/>
                <a:gd name="connsiteX10" fmla="*/ 14640 w 21600"/>
                <a:gd name="connsiteY10" fmla="*/ 13355 h 20605"/>
                <a:gd name="connsiteX11" fmla="*/ 14942 w 21600"/>
                <a:gd name="connsiteY11" fmla="*/ 16375 h 20605"/>
                <a:gd name="connsiteX12" fmla="*/ 12180 w 21600"/>
                <a:gd name="connsiteY12" fmla="*/ 14940 h 20605"/>
                <a:gd name="connsiteX13" fmla="*/ 11612 w 21600"/>
                <a:gd name="connsiteY13" fmla="*/ 17847 h 20605"/>
                <a:gd name="connsiteX14" fmla="*/ 9872 w 21600"/>
                <a:gd name="connsiteY14" fmla="*/ 16375 h 20605"/>
                <a:gd name="connsiteX15" fmla="*/ 8700 w 21600"/>
                <a:gd name="connsiteY15" fmla="*/ 18717 h 20605"/>
                <a:gd name="connsiteX16" fmla="*/ 7527 w 21600"/>
                <a:gd name="connsiteY16" fmla="*/ 17130 h 20605"/>
                <a:gd name="connsiteX17" fmla="*/ 4917 w 21600"/>
                <a:gd name="connsiteY17" fmla="*/ 20605 h 20605"/>
                <a:gd name="connsiteX18" fmla="*/ 4805 w 21600"/>
                <a:gd name="connsiteY18" fmla="*/ 17245 h 20605"/>
                <a:gd name="connsiteX19" fmla="*/ 1285 w 21600"/>
                <a:gd name="connsiteY19" fmla="*/ 16830 h 20605"/>
                <a:gd name="connsiteX20" fmla="*/ 3330 w 21600"/>
                <a:gd name="connsiteY20" fmla="*/ 14375 h 20605"/>
                <a:gd name="connsiteX21" fmla="*/ 0 w 21600"/>
                <a:gd name="connsiteY21" fmla="*/ 11882 h 20605"/>
                <a:gd name="connsiteX22" fmla="*/ 3935 w 21600"/>
                <a:gd name="connsiteY22" fmla="*/ 10597 h 20605"/>
                <a:gd name="connsiteX23" fmla="*/ 1172 w 21600"/>
                <a:gd name="connsiteY23" fmla="*/ 7275 h 20605"/>
                <a:gd name="connsiteX24" fmla="*/ 5372 w 21600"/>
                <a:gd name="connsiteY24" fmla="*/ 6822 h 20605"/>
                <a:gd name="connsiteX25" fmla="*/ 4502 w 21600"/>
                <a:gd name="connsiteY25" fmla="*/ 2630 h 20605"/>
                <a:gd name="connsiteX26" fmla="*/ 7261 w 21600"/>
                <a:gd name="connsiteY26" fmla="*/ 4940 h 20605"/>
                <a:gd name="connsiteX27" fmla="*/ 7825 w 21600"/>
                <a:gd name="connsiteY27" fmla="*/ 1503 h 20605"/>
                <a:gd name="connsiteX28" fmla="*/ 9297 w 21600"/>
                <a:gd name="connsiteY28" fmla="*/ 3845 h 20605"/>
                <a:gd name="connsiteX29" fmla="*/ 9875 w 21600"/>
                <a:gd name="connsiteY29" fmla="*/ 796 h 20605"/>
                <a:gd name="connsiteX30" fmla="*/ 11462 w 21600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270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877"/>
                <a:gd name="connsiteY0" fmla="*/ 3347 h 20605"/>
                <a:gd name="connsiteX1" fmla="*/ 13966 w 18877"/>
                <a:gd name="connsiteY1" fmla="*/ 0 h 20605"/>
                <a:gd name="connsiteX2" fmla="*/ 14433 w 18877"/>
                <a:gd name="connsiteY2" fmla="*/ 3979 h 20605"/>
                <a:gd name="connsiteX3" fmla="*/ 17382 w 18877"/>
                <a:gd name="connsiteY3" fmla="*/ 2241 h 20605"/>
                <a:gd name="connsiteX4" fmla="*/ 16380 w 18877"/>
                <a:gd name="connsiteY4" fmla="*/ 5537 h 20605"/>
                <a:gd name="connsiteX5" fmla="*/ 18519 w 18877"/>
                <a:gd name="connsiteY5" fmla="*/ 6453 h 20605"/>
                <a:gd name="connsiteX6" fmla="*/ 16985 w 18877"/>
                <a:gd name="connsiteY6" fmla="*/ 8407 h 20605"/>
                <a:gd name="connsiteX7" fmla="*/ 18316 w 18877"/>
                <a:gd name="connsiteY7" fmla="*/ 10295 h 20605"/>
                <a:gd name="connsiteX8" fmla="*/ 16380 w 18877"/>
                <a:gd name="connsiteY8" fmla="*/ 11315 h 20605"/>
                <a:gd name="connsiteX9" fmla="*/ 18877 w 18877"/>
                <a:gd name="connsiteY9" fmla="*/ 14637 h 20605"/>
                <a:gd name="connsiteX10" fmla="*/ 14640 w 18877"/>
                <a:gd name="connsiteY10" fmla="*/ 13355 h 20605"/>
                <a:gd name="connsiteX11" fmla="*/ 14942 w 18877"/>
                <a:gd name="connsiteY11" fmla="*/ 16375 h 20605"/>
                <a:gd name="connsiteX12" fmla="*/ 12180 w 18877"/>
                <a:gd name="connsiteY12" fmla="*/ 14940 h 20605"/>
                <a:gd name="connsiteX13" fmla="*/ 11612 w 18877"/>
                <a:gd name="connsiteY13" fmla="*/ 17847 h 20605"/>
                <a:gd name="connsiteX14" fmla="*/ 9872 w 18877"/>
                <a:gd name="connsiteY14" fmla="*/ 16375 h 20605"/>
                <a:gd name="connsiteX15" fmla="*/ 8700 w 18877"/>
                <a:gd name="connsiteY15" fmla="*/ 18717 h 20605"/>
                <a:gd name="connsiteX16" fmla="*/ 7527 w 18877"/>
                <a:gd name="connsiteY16" fmla="*/ 17130 h 20605"/>
                <a:gd name="connsiteX17" fmla="*/ 4917 w 18877"/>
                <a:gd name="connsiteY17" fmla="*/ 20605 h 20605"/>
                <a:gd name="connsiteX18" fmla="*/ 4805 w 18877"/>
                <a:gd name="connsiteY18" fmla="*/ 17245 h 20605"/>
                <a:gd name="connsiteX19" fmla="*/ 1285 w 18877"/>
                <a:gd name="connsiteY19" fmla="*/ 16830 h 20605"/>
                <a:gd name="connsiteX20" fmla="*/ 3330 w 18877"/>
                <a:gd name="connsiteY20" fmla="*/ 14375 h 20605"/>
                <a:gd name="connsiteX21" fmla="*/ 0 w 18877"/>
                <a:gd name="connsiteY21" fmla="*/ 11882 h 20605"/>
                <a:gd name="connsiteX22" fmla="*/ 3935 w 18877"/>
                <a:gd name="connsiteY22" fmla="*/ 10597 h 20605"/>
                <a:gd name="connsiteX23" fmla="*/ 1172 w 18877"/>
                <a:gd name="connsiteY23" fmla="*/ 7275 h 20605"/>
                <a:gd name="connsiteX24" fmla="*/ 5372 w 18877"/>
                <a:gd name="connsiteY24" fmla="*/ 6822 h 20605"/>
                <a:gd name="connsiteX25" fmla="*/ 4502 w 18877"/>
                <a:gd name="connsiteY25" fmla="*/ 2630 h 20605"/>
                <a:gd name="connsiteX26" fmla="*/ 7261 w 18877"/>
                <a:gd name="connsiteY26" fmla="*/ 4940 h 20605"/>
                <a:gd name="connsiteX27" fmla="*/ 7825 w 18877"/>
                <a:gd name="connsiteY27" fmla="*/ 1503 h 20605"/>
                <a:gd name="connsiteX28" fmla="*/ 9297 w 18877"/>
                <a:gd name="connsiteY28" fmla="*/ 3845 h 20605"/>
                <a:gd name="connsiteX29" fmla="*/ 9875 w 18877"/>
                <a:gd name="connsiteY29" fmla="*/ 796 h 20605"/>
                <a:gd name="connsiteX30" fmla="*/ 11462 w 18877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702 w 18519"/>
                <a:gd name="connsiteY9" fmla="*/ 14380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20605"/>
                <a:gd name="connsiteX1" fmla="*/ 13966 w 18519"/>
                <a:gd name="connsiteY1" fmla="*/ 0 h 20605"/>
                <a:gd name="connsiteX2" fmla="*/ 14433 w 18519"/>
                <a:gd name="connsiteY2" fmla="*/ 3979 h 20605"/>
                <a:gd name="connsiteX3" fmla="*/ 17382 w 18519"/>
                <a:gd name="connsiteY3" fmla="*/ 2241 h 20605"/>
                <a:gd name="connsiteX4" fmla="*/ 16380 w 18519"/>
                <a:gd name="connsiteY4" fmla="*/ 5537 h 20605"/>
                <a:gd name="connsiteX5" fmla="*/ 18519 w 18519"/>
                <a:gd name="connsiteY5" fmla="*/ 6453 h 20605"/>
                <a:gd name="connsiteX6" fmla="*/ 16985 w 18519"/>
                <a:gd name="connsiteY6" fmla="*/ 8407 h 20605"/>
                <a:gd name="connsiteX7" fmla="*/ 18316 w 18519"/>
                <a:gd name="connsiteY7" fmla="*/ 10295 h 20605"/>
                <a:gd name="connsiteX8" fmla="*/ 16380 w 18519"/>
                <a:gd name="connsiteY8" fmla="*/ 11315 h 20605"/>
                <a:gd name="connsiteX9" fmla="*/ 17580 w 18519"/>
                <a:gd name="connsiteY9" fmla="*/ 14316 h 20605"/>
                <a:gd name="connsiteX10" fmla="*/ 14640 w 18519"/>
                <a:gd name="connsiteY10" fmla="*/ 13355 h 20605"/>
                <a:gd name="connsiteX11" fmla="*/ 14942 w 18519"/>
                <a:gd name="connsiteY11" fmla="*/ 16375 h 20605"/>
                <a:gd name="connsiteX12" fmla="*/ 12180 w 18519"/>
                <a:gd name="connsiteY12" fmla="*/ 14940 h 20605"/>
                <a:gd name="connsiteX13" fmla="*/ 11612 w 18519"/>
                <a:gd name="connsiteY13" fmla="*/ 17847 h 20605"/>
                <a:gd name="connsiteX14" fmla="*/ 9872 w 18519"/>
                <a:gd name="connsiteY14" fmla="*/ 16375 h 20605"/>
                <a:gd name="connsiteX15" fmla="*/ 8700 w 18519"/>
                <a:gd name="connsiteY15" fmla="*/ 18717 h 20605"/>
                <a:gd name="connsiteX16" fmla="*/ 7527 w 18519"/>
                <a:gd name="connsiteY16" fmla="*/ 17130 h 20605"/>
                <a:gd name="connsiteX17" fmla="*/ 4917 w 18519"/>
                <a:gd name="connsiteY17" fmla="*/ 20605 h 20605"/>
                <a:gd name="connsiteX18" fmla="*/ 4805 w 18519"/>
                <a:gd name="connsiteY18" fmla="*/ 17245 h 20605"/>
                <a:gd name="connsiteX19" fmla="*/ 1285 w 18519"/>
                <a:gd name="connsiteY19" fmla="*/ 16830 h 20605"/>
                <a:gd name="connsiteX20" fmla="*/ 3330 w 18519"/>
                <a:gd name="connsiteY20" fmla="*/ 14375 h 20605"/>
                <a:gd name="connsiteX21" fmla="*/ 0 w 18519"/>
                <a:gd name="connsiteY21" fmla="*/ 11882 h 20605"/>
                <a:gd name="connsiteX22" fmla="*/ 3935 w 18519"/>
                <a:gd name="connsiteY22" fmla="*/ 10597 h 20605"/>
                <a:gd name="connsiteX23" fmla="*/ 1172 w 18519"/>
                <a:gd name="connsiteY23" fmla="*/ 7275 h 20605"/>
                <a:gd name="connsiteX24" fmla="*/ 5372 w 18519"/>
                <a:gd name="connsiteY24" fmla="*/ 6822 h 20605"/>
                <a:gd name="connsiteX25" fmla="*/ 4502 w 18519"/>
                <a:gd name="connsiteY25" fmla="*/ 2630 h 20605"/>
                <a:gd name="connsiteX26" fmla="*/ 7261 w 18519"/>
                <a:gd name="connsiteY26" fmla="*/ 4940 h 20605"/>
                <a:gd name="connsiteX27" fmla="*/ 7825 w 18519"/>
                <a:gd name="connsiteY27" fmla="*/ 1503 h 20605"/>
                <a:gd name="connsiteX28" fmla="*/ 9297 w 18519"/>
                <a:gd name="connsiteY28" fmla="*/ 3845 h 20605"/>
                <a:gd name="connsiteX29" fmla="*/ 9875 w 18519"/>
                <a:gd name="connsiteY29" fmla="*/ 796 h 20605"/>
                <a:gd name="connsiteX30" fmla="*/ 11462 w 18519"/>
                <a:gd name="connsiteY30" fmla="*/ 3347 h 20605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1285 w 18519"/>
                <a:gd name="connsiteY19" fmla="*/ 16830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805 w 18519"/>
                <a:gd name="connsiteY18" fmla="*/ 17245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942 w 18519"/>
                <a:gd name="connsiteY18" fmla="*/ 16892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1462 w 18519"/>
                <a:gd name="connsiteY0" fmla="*/ 3347 h 19770"/>
                <a:gd name="connsiteX1" fmla="*/ 13966 w 18519"/>
                <a:gd name="connsiteY1" fmla="*/ 0 h 19770"/>
                <a:gd name="connsiteX2" fmla="*/ 14433 w 18519"/>
                <a:gd name="connsiteY2" fmla="*/ 3979 h 19770"/>
                <a:gd name="connsiteX3" fmla="*/ 17382 w 18519"/>
                <a:gd name="connsiteY3" fmla="*/ 2241 h 19770"/>
                <a:gd name="connsiteX4" fmla="*/ 16380 w 18519"/>
                <a:gd name="connsiteY4" fmla="*/ 5537 h 19770"/>
                <a:gd name="connsiteX5" fmla="*/ 18519 w 18519"/>
                <a:gd name="connsiteY5" fmla="*/ 6453 h 19770"/>
                <a:gd name="connsiteX6" fmla="*/ 16985 w 18519"/>
                <a:gd name="connsiteY6" fmla="*/ 8407 h 19770"/>
                <a:gd name="connsiteX7" fmla="*/ 18316 w 18519"/>
                <a:gd name="connsiteY7" fmla="*/ 10295 h 19770"/>
                <a:gd name="connsiteX8" fmla="*/ 16380 w 18519"/>
                <a:gd name="connsiteY8" fmla="*/ 11315 h 19770"/>
                <a:gd name="connsiteX9" fmla="*/ 17580 w 18519"/>
                <a:gd name="connsiteY9" fmla="*/ 14316 h 19770"/>
                <a:gd name="connsiteX10" fmla="*/ 14640 w 18519"/>
                <a:gd name="connsiteY10" fmla="*/ 13355 h 19770"/>
                <a:gd name="connsiteX11" fmla="*/ 14942 w 18519"/>
                <a:gd name="connsiteY11" fmla="*/ 16375 h 19770"/>
                <a:gd name="connsiteX12" fmla="*/ 12180 w 18519"/>
                <a:gd name="connsiteY12" fmla="*/ 14940 h 19770"/>
                <a:gd name="connsiteX13" fmla="*/ 11612 w 18519"/>
                <a:gd name="connsiteY13" fmla="*/ 17847 h 19770"/>
                <a:gd name="connsiteX14" fmla="*/ 9872 w 18519"/>
                <a:gd name="connsiteY14" fmla="*/ 16375 h 19770"/>
                <a:gd name="connsiteX15" fmla="*/ 8700 w 18519"/>
                <a:gd name="connsiteY15" fmla="*/ 18717 h 19770"/>
                <a:gd name="connsiteX16" fmla="*/ 7527 w 18519"/>
                <a:gd name="connsiteY16" fmla="*/ 17130 h 19770"/>
                <a:gd name="connsiteX17" fmla="*/ 5207 w 18519"/>
                <a:gd name="connsiteY17" fmla="*/ 19770 h 19770"/>
                <a:gd name="connsiteX18" fmla="*/ 4667 w 18519"/>
                <a:gd name="connsiteY18" fmla="*/ 16828 h 19770"/>
                <a:gd name="connsiteX19" fmla="*/ 2002 w 18519"/>
                <a:gd name="connsiteY19" fmla="*/ 16766 h 19770"/>
                <a:gd name="connsiteX20" fmla="*/ 3330 w 18519"/>
                <a:gd name="connsiteY20" fmla="*/ 14375 h 19770"/>
                <a:gd name="connsiteX21" fmla="*/ 0 w 18519"/>
                <a:gd name="connsiteY21" fmla="*/ 11882 h 19770"/>
                <a:gd name="connsiteX22" fmla="*/ 3935 w 18519"/>
                <a:gd name="connsiteY22" fmla="*/ 10597 h 19770"/>
                <a:gd name="connsiteX23" fmla="*/ 1172 w 18519"/>
                <a:gd name="connsiteY23" fmla="*/ 7275 h 19770"/>
                <a:gd name="connsiteX24" fmla="*/ 5372 w 18519"/>
                <a:gd name="connsiteY24" fmla="*/ 6822 h 19770"/>
                <a:gd name="connsiteX25" fmla="*/ 4502 w 18519"/>
                <a:gd name="connsiteY25" fmla="*/ 2630 h 19770"/>
                <a:gd name="connsiteX26" fmla="*/ 7261 w 18519"/>
                <a:gd name="connsiteY26" fmla="*/ 4940 h 19770"/>
                <a:gd name="connsiteX27" fmla="*/ 7825 w 18519"/>
                <a:gd name="connsiteY27" fmla="*/ 1503 h 19770"/>
                <a:gd name="connsiteX28" fmla="*/ 9297 w 18519"/>
                <a:gd name="connsiteY28" fmla="*/ 3845 h 19770"/>
                <a:gd name="connsiteX29" fmla="*/ 9875 w 18519"/>
                <a:gd name="connsiteY29" fmla="*/ 796 h 19770"/>
                <a:gd name="connsiteX30" fmla="*/ 11462 w 18519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28 w 17375"/>
                <a:gd name="connsiteY23" fmla="*/ 7275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358 w 17375"/>
                <a:gd name="connsiteY25" fmla="*/ 2630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0318 w 17375"/>
                <a:gd name="connsiteY0" fmla="*/ 3347 h 19770"/>
                <a:gd name="connsiteX1" fmla="*/ 12822 w 17375"/>
                <a:gd name="connsiteY1" fmla="*/ 0 h 19770"/>
                <a:gd name="connsiteX2" fmla="*/ 13289 w 17375"/>
                <a:gd name="connsiteY2" fmla="*/ 3979 h 19770"/>
                <a:gd name="connsiteX3" fmla="*/ 16238 w 17375"/>
                <a:gd name="connsiteY3" fmla="*/ 2241 h 19770"/>
                <a:gd name="connsiteX4" fmla="*/ 15236 w 17375"/>
                <a:gd name="connsiteY4" fmla="*/ 5537 h 19770"/>
                <a:gd name="connsiteX5" fmla="*/ 17375 w 17375"/>
                <a:gd name="connsiteY5" fmla="*/ 6453 h 19770"/>
                <a:gd name="connsiteX6" fmla="*/ 15841 w 17375"/>
                <a:gd name="connsiteY6" fmla="*/ 8407 h 19770"/>
                <a:gd name="connsiteX7" fmla="*/ 17172 w 17375"/>
                <a:gd name="connsiteY7" fmla="*/ 10295 h 19770"/>
                <a:gd name="connsiteX8" fmla="*/ 15236 w 17375"/>
                <a:gd name="connsiteY8" fmla="*/ 11315 h 19770"/>
                <a:gd name="connsiteX9" fmla="*/ 16436 w 17375"/>
                <a:gd name="connsiteY9" fmla="*/ 14316 h 19770"/>
                <a:gd name="connsiteX10" fmla="*/ 13496 w 17375"/>
                <a:gd name="connsiteY10" fmla="*/ 13355 h 19770"/>
                <a:gd name="connsiteX11" fmla="*/ 13798 w 17375"/>
                <a:gd name="connsiteY11" fmla="*/ 16375 h 19770"/>
                <a:gd name="connsiteX12" fmla="*/ 11036 w 17375"/>
                <a:gd name="connsiteY12" fmla="*/ 14940 h 19770"/>
                <a:gd name="connsiteX13" fmla="*/ 10468 w 17375"/>
                <a:gd name="connsiteY13" fmla="*/ 17847 h 19770"/>
                <a:gd name="connsiteX14" fmla="*/ 8728 w 17375"/>
                <a:gd name="connsiteY14" fmla="*/ 16375 h 19770"/>
                <a:gd name="connsiteX15" fmla="*/ 7556 w 17375"/>
                <a:gd name="connsiteY15" fmla="*/ 18717 h 19770"/>
                <a:gd name="connsiteX16" fmla="*/ 6383 w 17375"/>
                <a:gd name="connsiteY16" fmla="*/ 17130 h 19770"/>
                <a:gd name="connsiteX17" fmla="*/ 4063 w 17375"/>
                <a:gd name="connsiteY17" fmla="*/ 19770 h 19770"/>
                <a:gd name="connsiteX18" fmla="*/ 3523 w 17375"/>
                <a:gd name="connsiteY18" fmla="*/ 16828 h 19770"/>
                <a:gd name="connsiteX19" fmla="*/ 858 w 17375"/>
                <a:gd name="connsiteY19" fmla="*/ 16766 h 19770"/>
                <a:gd name="connsiteX20" fmla="*/ 2186 w 17375"/>
                <a:gd name="connsiteY20" fmla="*/ 14375 h 19770"/>
                <a:gd name="connsiteX21" fmla="*/ 0 w 17375"/>
                <a:gd name="connsiteY21" fmla="*/ 11946 h 19770"/>
                <a:gd name="connsiteX22" fmla="*/ 2791 w 17375"/>
                <a:gd name="connsiteY22" fmla="*/ 10597 h 19770"/>
                <a:gd name="connsiteX23" fmla="*/ 623 w 17375"/>
                <a:gd name="connsiteY23" fmla="*/ 6922 h 19770"/>
                <a:gd name="connsiteX24" fmla="*/ 4228 w 17375"/>
                <a:gd name="connsiteY24" fmla="*/ 6822 h 19770"/>
                <a:gd name="connsiteX25" fmla="*/ 3587 w 17375"/>
                <a:gd name="connsiteY25" fmla="*/ 3112 h 19770"/>
                <a:gd name="connsiteX26" fmla="*/ 6117 w 17375"/>
                <a:gd name="connsiteY26" fmla="*/ 4940 h 19770"/>
                <a:gd name="connsiteX27" fmla="*/ 6681 w 17375"/>
                <a:gd name="connsiteY27" fmla="*/ 1503 h 19770"/>
                <a:gd name="connsiteX28" fmla="*/ 8153 w 17375"/>
                <a:gd name="connsiteY28" fmla="*/ 3845 h 19770"/>
                <a:gd name="connsiteX29" fmla="*/ 8731 w 17375"/>
                <a:gd name="connsiteY29" fmla="*/ 796 h 19770"/>
                <a:gd name="connsiteX30" fmla="*/ 10318 w 17375"/>
                <a:gd name="connsiteY30" fmla="*/ 3347 h 19770"/>
                <a:gd name="connsiteX0" fmla="*/ 11337 w 18394"/>
                <a:gd name="connsiteY0" fmla="*/ 6935 h 23358"/>
                <a:gd name="connsiteX1" fmla="*/ 13841 w 18394"/>
                <a:gd name="connsiteY1" fmla="*/ 3588 h 23358"/>
                <a:gd name="connsiteX2" fmla="*/ 14308 w 18394"/>
                <a:gd name="connsiteY2" fmla="*/ 7567 h 23358"/>
                <a:gd name="connsiteX3" fmla="*/ 17257 w 18394"/>
                <a:gd name="connsiteY3" fmla="*/ 5829 h 23358"/>
                <a:gd name="connsiteX4" fmla="*/ 16255 w 18394"/>
                <a:gd name="connsiteY4" fmla="*/ 9125 h 23358"/>
                <a:gd name="connsiteX5" fmla="*/ 18394 w 18394"/>
                <a:gd name="connsiteY5" fmla="*/ 10041 h 23358"/>
                <a:gd name="connsiteX6" fmla="*/ 16860 w 18394"/>
                <a:gd name="connsiteY6" fmla="*/ 11995 h 23358"/>
                <a:gd name="connsiteX7" fmla="*/ 18191 w 18394"/>
                <a:gd name="connsiteY7" fmla="*/ 13883 h 23358"/>
                <a:gd name="connsiteX8" fmla="*/ 16255 w 18394"/>
                <a:gd name="connsiteY8" fmla="*/ 14903 h 23358"/>
                <a:gd name="connsiteX9" fmla="*/ 17455 w 18394"/>
                <a:gd name="connsiteY9" fmla="*/ 17904 h 23358"/>
                <a:gd name="connsiteX10" fmla="*/ 14515 w 18394"/>
                <a:gd name="connsiteY10" fmla="*/ 16943 h 23358"/>
                <a:gd name="connsiteX11" fmla="*/ 14817 w 18394"/>
                <a:gd name="connsiteY11" fmla="*/ 19963 h 23358"/>
                <a:gd name="connsiteX12" fmla="*/ 12055 w 18394"/>
                <a:gd name="connsiteY12" fmla="*/ 18528 h 23358"/>
                <a:gd name="connsiteX13" fmla="*/ 11487 w 18394"/>
                <a:gd name="connsiteY13" fmla="*/ 21435 h 23358"/>
                <a:gd name="connsiteX14" fmla="*/ 9747 w 18394"/>
                <a:gd name="connsiteY14" fmla="*/ 19963 h 23358"/>
                <a:gd name="connsiteX15" fmla="*/ 8575 w 18394"/>
                <a:gd name="connsiteY15" fmla="*/ 22305 h 23358"/>
                <a:gd name="connsiteX16" fmla="*/ 7402 w 18394"/>
                <a:gd name="connsiteY16" fmla="*/ 20718 h 23358"/>
                <a:gd name="connsiteX17" fmla="*/ 5082 w 18394"/>
                <a:gd name="connsiteY17" fmla="*/ 23358 h 23358"/>
                <a:gd name="connsiteX18" fmla="*/ 4542 w 18394"/>
                <a:gd name="connsiteY18" fmla="*/ 20416 h 23358"/>
                <a:gd name="connsiteX19" fmla="*/ 1877 w 18394"/>
                <a:gd name="connsiteY19" fmla="*/ 20354 h 23358"/>
                <a:gd name="connsiteX20" fmla="*/ 3205 w 18394"/>
                <a:gd name="connsiteY20" fmla="*/ 17963 h 23358"/>
                <a:gd name="connsiteX21" fmla="*/ 1019 w 18394"/>
                <a:gd name="connsiteY21" fmla="*/ 15534 h 23358"/>
                <a:gd name="connsiteX22" fmla="*/ 3810 w 18394"/>
                <a:gd name="connsiteY22" fmla="*/ 14185 h 23358"/>
                <a:gd name="connsiteX23" fmla="*/ 1642 w 18394"/>
                <a:gd name="connsiteY23" fmla="*/ 10510 h 23358"/>
                <a:gd name="connsiteX24" fmla="*/ 5247 w 18394"/>
                <a:gd name="connsiteY24" fmla="*/ 10410 h 23358"/>
                <a:gd name="connsiteX25" fmla="*/ 0 w 18394"/>
                <a:gd name="connsiteY25" fmla="*/ 0 h 23358"/>
                <a:gd name="connsiteX26" fmla="*/ 7136 w 18394"/>
                <a:gd name="connsiteY26" fmla="*/ 8528 h 23358"/>
                <a:gd name="connsiteX27" fmla="*/ 7700 w 18394"/>
                <a:gd name="connsiteY27" fmla="*/ 5091 h 23358"/>
                <a:gd name="connsiteX28" fmla="*/ 9172 w 18394"/>
                <a:gd name="connsiteY28" fmla="*/ 7433 h 23358"/>
                <a:gd name="connsiteX29" fmla="*/ 9750 w 18394"/>
                <a:gd name="connsiteY29" fmla="*/ 4384 h 23358"/>
                <a:gd name="connsiteX30" fmla="*/ 11337 w 18394"/>
                <a:gd name="connsiteY30" fmla="*/ 6935 h 23358"/>
                <a:gd name="connsiteX0" fmla="*/ 11337 w 18394"/>
                <a:gd name="connsiteY0" fmla="*/ 6935 h 23358"/>
                <a:gd name="connsiteX1" fmla="*/ 13841 w 18394"/>
                <a:gd name="connsiteY1" fmla="*/ 3588 h 23358"/>
                <a:gd name="connsiteX2" fmla="*/ 14308 w 18394"/>
                <a:gd name="connsiteY2" fmla="*/ 7567 h 23358"/>
                <a:gd name="connsiteX3" fmla="*/ 17257 w 18394"/>
                <a:gd name="connsiteY3" fmla="*/ 5829 h 23358"/>
                <a:gd name="connsiteX4" fmla="*/ 16255 w 18394"/>
                <a:gd name="connsiteY4" fmla="*/ 9125 h 23358"/>
                <a:gd name="connsiteX5" fmla="*/ 18394 w 18394"/>
                <a:gd name="connsiteY5" fmla="*/ 10041 h 23358"/>
                <a:gd name="connsiteX6" fmla="*/ 16860 w 18394"/>
                <a:gd name="connsiteY6" fmla="*/ 11995 h 23358"/>
                <a:gd name="connsiteX7" fmla="*/ 18191 w 18394"/>
                <a:gd name="connsiteY7" fmla="*/ 13883 h 23358"/>
                <a:gd name="connsiteX8" fmla="*/ 16255 w 18394"/>
                <a:gd name="connsiteY8" fmla="*/ 14903 h 23358"/>
                <a:gd name="connsiteX9" fmla="*/ 17455 w 18394"/>
                <a:gd name="connsiteY9" fmla="*/ 17904 h 23358"/>
                <a:gd name="connsiteX10" fmla="*/ 14515 w 18394"/>
                <a:gd name="connsiteY10" fmla="*/ 16943 h 23358"/>
                <a:gd name="connsiteX11" fmla="*/ 14817 w 18394"/>
                <a:gd name="connsiteY11" fmla="*/ 19963 h 23358"/>
                <a:gd name="connsiteX12" fmla="*/ 12055 w 18394"/>
                <a:gd name="connsiteY12" fmla="*/ 18528 h 23358"/>
                <a:gd name="connsiteX13" fmla="*/ 11487 w 18394"/>
                <a:gd name="connsiteY13" fmla="*/ 21435 h 23358"/>
                <a:gd name="connsiteX14" fmla="*/ 9747 w 18394"/>
                <a:gd name="connsiteY14" fmla="*/ 19963 h 23358"/>
                <a:gd name="connsiteX15" fmla="*/ 8575 w 18394"/>
                <a:gd name="connsiteY15" fmla="*/ 22305 h 23358"/>
                <a:gd name="connsiteX16" fmla="*/ 7402 w 18394"/>
                <a:gd name="connsiteY16" fmla="*/ 20718 h 23358"/>
                <a:gd name="connsiteX17" fmla="*/ 5082 w 18394"/>
                <a:gd name="connsiteY17" fmla="*/ 23358 h 23358"/>
                <a:gd name="connsiteX18" fmla="*/ 4542 w 18394"/>
                <a:gd name="connsiteY18" fmla="*/ 20416 h 23358"/>
                <a:gd name="connsiteX19" fmla="*/ 1877 w 18394"/>
                <a:gd name="connsiteY19" fmla="*/ 20354 h 23358"/>
                <a:gd name="connsiteX20" fmla="*/ 3205 w 18394"/>
                <a:gd name="connsiteY20" fmla="*/ 17963 h 23358"/>
                <a:gd name="connsiteX21" fmla="*/ 1019 w 18394"/>
                <a:gd name="connsiteY21" fmla="*/ 15534 h 23358"/>
                <a:gd name="connsiteX22" fmla="*/ 3810 w 18394"/>
                <a:gd name="connsiteY22" fmla="*/ 14185 h 23358"/>
                <a:gd name="connsiteX23" fmla="*/ 1642 w 18394"/>
                <a:gd name="connsiteY23" fmla="*/ 10510 h 23358"/>
                <a:gd name="connsiteX24" fmla="*/ 5247 w 18394"/>
                <a:gd name="connsiteY24" fmla="*/ 10410 h 23358"/>
                <a:gd name="connsiteX25" fmla="*/ 0 w 18394"/>
                <a:gd name="connsiteY25" fmla="*/ 0 h 23358"/>
                <a:gd name="connsiteX26" fmla="*/ 7136 w 18394"/>
                <a:gd name="connsiteY26" fmla="*/ 8528 h 23358"/>
                <a:gd name="connsiteX27" fmla="*/ 7700 w 18394"/>
                <a:gd name="connsiteY27" fmla="*/ 5091 h 23358"/>
                <a:gd name="connsiteX28" fmla="*/ 9172 w 18394"/>
                <a:gd name="connsiteY28" fmla="*/ 7433 h 23358"/>
                <a:gd name="connsiteX29" fmla="*/ 9750 w 18394"/>
                <a:gd name="connsiteY29" fmla="*/ 4384 h 23358"/>
                <a:gd name="connsiteX30" fmla="*/ 11337 w 18394"/>
                <a:gd name="connsiteY30" fmla="*/ 6935 h 23358"/>
                <a:gd name="connsiteX0" fmla="*/ 11337 w 18394"/>
                <a:gd name="connsiteY0" fmla="*/ 6935 h 23358"/>
                <a:gd name="connsiteX1" fmla="*/ 13841 w 18394"/>
                <a:gd name="connsiteY1" fmla="*/ 3588 h 23358"/>
                <a:gd name="connsiteX2" fmla="*/ 14308 w 18394"/>
                <a:gd name="connsiteY2" fmla="*/ 7567 h 23358"/>
                <a:gd name="connsiteX3" fmla="*/ 17257 w 18394"/>
                <a:gd name="connsiteY3" fmla="*/ 5829 h 23358"/>
                <a:gd name="connsiteX4" fmla="*/ 16255 w 18394"/>
                <a:gd name="connsiteY4" fmla="*/ 9125 h 23358"/>
                <a:gd name="connsiteX5" fmla="*/ 18394 w 18394"/>
                <a:gd name="connsiteY5" fmla="*/ 10041 h 23358"/>
                <a:gd name="connsiteX6" fmla="*/ 16860 w 18394"/>
                <a:gd name="connsiteY6" fmla="*/ 11995 h 23358"/>
                <a:gd name="connsiteX7" fmla="*/ 18191 w 18394"/>
                <a:gd name="connsiteY7" fmla="*/ 13883 h 23358"/>
                <a:gd name="connsiteX8" fmla="*/ 16255 w 18394"/>
                <a:gd name="connsiteY8" fmla="*/ 14903 h 23358"/>
                <a:gd name="connsiteX9" fmla="*/ 17455 w 18394"/>
                <a:gd name="connsiteY9" fmla="*/ 17904 h 23358"/>
                <a:gd name="connsiteX10" fmla="*/ 14515 w 18394"/>
                <a:gd name="connsiteY10" fmla="*/ 16943 h 23358"/>
                <a:gd name="connsiteX11" fmla="*/ 14817 w 18394"/>
                <a:gd name="connsiteY11" fmla="*/ 19963 h 23358"/>
                <a:gd name="connsiteX12" fmla="*/ 12055 w 18394"/>
                <a:gd name="connsiteY12" fmla="*/ 18528 h 23358"/>
                <a:gd name="connsiteX13" fmla="*/ 11487 w 18394"/>
                <a:gd name="connsiteY13" fmla="*/ 21435 h 23358"/>
                <a:gd name="connsiteX14" fmla="*/ 9747 w 18394"/>
                <a:gd name="connsiteY14" fmla="*/ 19963 h 23358"/>
                <a:gd name="connsiteX15" fmla="*/ 8575 w 18394"/>
                <a:gd name="connsiteY15" fmla="*/ 22305 h 23358"/>
                <a:gd name="connsiteX16" fmla="*/ 7402 w 18394"/>
                <a:gd name="connsiteY16" fmla="*/ 20718 h 23358"/>
                <a:gd name="connsiteX17" fmla="*/ 5082 w 18394"/>
                <a:gd name="connsiteY17" fmla="*/ 23358 h 23358"/>
                <a:gd name="connsiteX18" fmla="*/ 4542 w 18394"/>
                <a:gd name="connsiteY18" fmla="*/ 20416 h 23358"/>
                <a:gd name="connsiteX19" fmla="*/ 1877 w 18394"/>
                <a:gd name="connsiteY19" fmla="*/ 20354 h 23358"/>
                <a:gd name="connsiteX20" fmla="*/ 3205 w 18394"/>
                <a:gd name="connsiteY20" fmla="*/ 17963 h 23358"/>
                <a:gd name="connsiteX21" fmla="*/ 1019 w 18394"/>
                <a:gd name="connsiteY21" fmla="*/ 15534 h 23358"/>
                <a:gd name="connsiteX22" fmla="*/ 3810 w 18394"/>
                <a:gd name="connsiteY22" fmla="*/ 14185 h 23358"/>
                <a:gd name="connsiteX23" fmla="*/ 1642 w 18394"/>
                <a:gd name="connsiteY23" fmla="*/ 10510 h 23358"/>
                <a:gd name="connsiteX24" fmla="*/ 5247 w 18394"/>
                <a:gd name="connsiteY24" fmla="*/ 10410 h 23358"/>
                <a:gd name="connsiteX25" fmla="*/ 0 w 18394"/>
                <a:gd name="connsiteY25" fmla="*/ 0 h 23358"/>
                <a:gd name="connsiteX26" fmla="*/ 7136 w 18394"/>
                <a:gd name="connsiteY26" fmla="*/ 8528 h 23358"/>
                <a:gd name="connsiteX27" fmla="*/ 7700 w 18394"/>
                <a:gd name="connsiteY27" fmla="*/ 5091 h 23358"/>
                <a:gd name="connsiteX28" fmla="*/ 9172 w 18394"/>
                <a:gd name="connsiteY28" fmla="*/ 7433 h 23358"/>
                <a:gd name="connsiteX29" fmla="*/ 9750 w 18394"/>
                <a:gd name="connsiteY29" fmla="*/ 4384 h 23358"/>
                <a:gd name="connsiteX30" fmla="*/ 11337 w 18394"/>
                <a:gd name="connsiteY30" fmla="*/ 6935 h 23358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1400 w 18457"/>
                <a:gd name="connsiteY0" fmla="*/ 3347 h 19770"/>
                <a:gd name="connsiteX1" fmla="*/ 13904 w 18457"/>
                <a:gd name="connsiteY1" fmla="*/ 0 h 19770"/>
                <a:gd name="connsiteX2" fmla="*/ 14371 w 18457"/>
                <a:gd name="connsiteY2" fmla="*/ 3979 h 19770"/>
                <a:gd name="connsiteX3" fmla="*/ 17320 w 18457"/>
                <a:gd name="connsiteY3" fmla="*/ 2241 h 19770"/>
                <a:gd name="connsiteX4" fmla="*/ 16318 w 18457"/>
                <a:gd name="connsiteY4" fmla="*/ 5537 h 19770"/>
                <a:gd name="connsiteX5" fmla="*/ 18457 w 18457"/>
                <a:gd name="connsiteY5" fmla="*/ 6453 h 19770"/>
                <a:gd name="connsiteX6" fmla="*/ 16923 w 18457"/>
                <a:gd name="connsiteY6" fmla="*/ 8407 h 19770"/>
                <a:gd name="connsiteX7" fmla="*/ 18254 w 18457"/>
                <a:gd name="connsiteY7" fmla="*/ 10295 h 19770"/>
                <a:gd name="connsiteX8" fmla="*/ 16318 w 18457"/>
                <a:gd name="connsiteY8" fmla="*/ 11315 h 19770"/>
                <a:gd name="connsiteX9" fmla="*/ 17518 w 18457"/>
                <a:gd name="connsiteY9" fmla="*/ 14316 h 19770"/>
                <a:gd name="connsiteX10" fmla="*/ 14578 w 18457"/>
                <a:gd name="connsiteY10" fmla="*/ 13355 h 19770"/>
                <a:gd name="connsiteX11" fmla="*/ 14880 w 18457"/>
                <a:gd name="connsiteY11" fmla="*/ 16375 h 19770"/>
                <a:gd name="connsiteX12" fmla="*/ 12118 w 18457"/>
                <a:gd name="connsiteY12" fmla="*/ 14940 h 19770"/>
                <a:gd name="connsiteX13" fmla="*/ 11550 w 18457"/>
                <a:gd name="connsiteY13" fmla="*/ 17847 h 19770"/>
                <a:gd name="connsiteX14" fmla="*/ 9810 w 18457"/>
                <a:gd name="connsiteY14" fmla="*/ 16375 h 19770"/>
                <a:gd name="connsiteX15" fmla="*/ 8638 w 18457"/>
                <a:gd name="connsiteY15" fmla="*/ 18717 h 19770"/>
                <a:gd name="connsiteX16" fmla="*/ 7465 w 18457"/>
                <a:gd name="connsiteY16" fmla="*/ 17130 h 19770"/>
                <a:gd name="connsiteX17" fmla="*/ 5145 w 18457"/>
                <a:gd name="connsiteY17" fmla="*/ 19770 h 19770"/>
                <a:gd name="connsiteX18" fmla="*/ 4605 w 18457"/>
                <a:gd name="connsiteY18" fmla="*/ 16828 h 19770"/>
                <a:gd name="connsiteX19" fmla="*/ 1940 w 18457"/>
                <a:gd name="connsiteY19" fmla="*/ 16766 h 19770"/>
                <a:gd name="connsiteX20" fmla="*/ 3268 w 18457"/>
                <a:gd name="connsiteY20" fmla="*/ 14375 h 19770"/>
                <a:gd name="connsiteX21" fmla="*/ 1082 w 18457"/>
                <a:gd name="connsiteY21" fmla="*/ 11946 h 19770"/>
                <a:gd name="connsiteX22" fmla="*/ 3873 w 18457"/>
                <a:gd name="connsiteY22" fmla="*/ 10597 h 19770"/>
                <a:gd name="connsiteX23" fmla="*/ 1705 w 18457"/>
                <a:gd name="connsiteY23" fmla="*/ 6922 h 19770"/>
                <a:gd name="connsiteX24" fmla="*/ 5310 w 18457"/>
                <a:gd name="connsiteY24" fmla="*/ 6822 h 19770"/>
                <a:gd name="connsiteX25" fmla="*/ 0 w 18457"/>
                <a:gd name="connsiteY25" fmla="*/ 678 h 19770"/>
                <a:gd name="connsiteX26" fmla="*/ 7199 w 18457"/>
                <a:gd name="connsiteY26" fmla="*/ 4940 h 19770"/>
                <a:gd name="connsiteX27" fmla="*/ 7763 w 18457"/>
                <a:gd name="connsiteY27" fmla="*/ 1503 h 19770"/>
                <a:gd name="connsiteX28" fmla="*/ 9235 w 18457"/>
                <a:gd name="connsiteY28" fmla="*/ 3845 h 19770"/>
                <a:gd name="connsiteX29" fmla="*/ 9813 w 18457"/>
                <a:gd name="connsiteY29" fmla="*/ 796 h 19770"/>
                <a:gd name="connsiteX30" fmla="*/ 11400 w 18457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  <a:gd name="connsiteX0" fmla="*/ 10482 w 17539"/>
                <a:gd name="connsiteY0" fmla="*/ 3347 h 19770"/>
                <a:gd name="connsiteX1" fmla="*/ 12986 w 17539"/>
                <a:gd name="connsiteY1" fmla="*/ 0 h 19770"/>
                <a:gd name="connsiteX2" fmla="*/ 13453 w 17539"/>
                <a:gd name="connsiteY2" fmla="*/ 3979 h 19770"/>
                <a:gd name="connsiteX3" fmla="*/ 16402 w 17539"/>
                <a:gd name="connsiteY3" fmla="*/ 2241 h 19770"/>
                <a:gd name="connsiteX4" fmla="*/ 15400 w 17539"/>
                <a:gd name="connsiteY4" fmla="*/ 5537 h 19770"/>
                <a:gd name="connsiteX5" fmla="*/ 17539 w 17539"/>
                <a:gd name="connsiteY5" fmla="*/ 6453 h 19770"/>
                <a:gd name="connsiteX6" fmla="*/ 16005 w 17539"/>
                <a:gd name="connsiteY6" fmla="*/ 8407 h 19770"/>
                <a:gd name="connsiteX7" fmla="*/ 17336 w 17539"/>
                <a:gd name="connsiteY7" fmla="*/ 10295 h 19770"/>
                <a:gd name="connsiteX8" fmla="*/ 15400 w 17539"/>
                <a:gd name="connsiteY8" fmla="*/ 11315 h 19770"/>
                <a:gd name="connsiteX9" fmla="*/ 16600 w 17539"/>
                <a:gd name="connsiteY9" fmla="*/ 14316 h 19770"/>
                <a:gd name="connsiteX10" fmla="*/ 13660 w 17539"/>
                <a:gd name="connsiteY10" fmla="*/ 13355 h 19770"/>
                <a:gd name="connsiteX11" fmla="*/ 13962 w 17539"/>
                <a:gd name="connsiteY11" fmla="*/ 16375 h 19770"/>
                <a:gd name="connsiteX12" fmla="*/ 11200 w 17539"/>
                <a:gd name="connsiteY12" fmla="*/ 14940 h 19770"/>
                <a:gd name="connsiteX13" fmla="*/ 10632 w 17539"/>
                <a:gd name="connsiteY13" fmla="*/ 17847 h 19770"/>
                <a:gd name="connsiteX14" fmla="*/ 8892 w 17539"/>
                <a:gd name="connsiteY14" fmla="*/ 16375 h 19770"/>
                <a:gd name="connsiteX15" fmla="*/ 7720 w 17539"/>
                <a:gd name="connsiteY15" fmla="*/ 18717 h 19770"/>
                <a:gd name="connsiteX16" fmla="*/ 6547 w 17539"/>
                <a:gd name="connsiteY16" fmla="*/ 17130 h 19770"/>
                <a:gd name="connsiteX17" fmla="*/ 4227 w 17539"/>
                <a:gd name="connsiteY17" fmla="*/ 19770 h 19770"/>
                <a:gd name="connsiteX18" fmla="*/ 3687 w 17539"/>
                <a:gd name="connsiteY18" fmla="*/ 16828 h 19770"/>
                <a:gd name="connsiteX19" fmla="*/ 1022 w 17539"/>
                <a:gd name="connsiteY19" fmla="*/ 16766 h 19770"/>
                <a:gd name="connsiteX20" fmla="*/ 2350 w 17539"/>
                <a:gd name="connsiteY20" fmla="*/ 14375 h 19770"/>
                <a:gd name="connsiteX21" fmla="*/ 164 w 17539"/>
                <a:gd name="connsiteY21" fmla="*/ 11946 h 19770"/>
                <a:gd name="connsiteX22" fmla="*/ 2955 w 17539"/>
                <a:gd name="connsiteY22" fmla="*/ 10597 h 19770"/>
                <a:gd name="connsiteX23" fmla="*/ 787 w 17539"/>
                <a:gd name="connsiteY23" fmla="*/ 6922 h 19770"/>
                <a:gd name="connsiteX24" fmla="*/ 4392 w 17539"/>
                <a:gd name="connsiteY24" fmla="*/ 6822 h 19770"/>
                <a:gd name="connsiteX25" fmla="*/ 0 w 17539"/>
                <a:gd name="connsiteY25" fmla="*/ 1611 h 19770"/>
                <a:gd name="connsiteX26" fmla="*/ 6281 w 17539"/>
                <a:gd name="connsiteY26" fmla="*/ 4940 h 19770"/>
                <a:gd name="connsiteX27" fmla="*/ 6845 w 17539"/>
                <a:gd name="connsiteY27" fmla="*/ 1503 h 19770"/>
                <a:gd name="connsiteX28" fmla="*/ 8317 w 17539"/>
                <a:gd name="connsiteY28" fmla="*/ 3845 h 19770"/>
                <a:gd name="connsiteX29" fmla="*/ 8895 w 17539"/>
                <a:gd name="connsiteY29" fmla="*/ 796 h 19770"/>
                <a:gd name="connsiteX30" fmla="*/ 10482 w 17539"/>
                <a:gd name="connsiteY30" fmla="*/ 3347 h 1977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</a:cxnLst>
              <a:rect l="l" t="t" r="r" b="b"/>
              <a:pathLst>
                <a:path w="17539" h="19770">
                  <a:moveTo>
                    <a:pt x="10482" y="3347"/>
                  </a:moveTo>
                  <a:cubicBezTo>
                    <a:pt x="11423" y="3281"/>
                    <a:pt x="12197" y="1929"/>
                    <a:pt x="12986" y="0"/>
                  </a:cubicBezTo>
                  <a:cubicBezTo>
                    <a:pt x="12898" y="1926"/>
                    <a:pt x="12702" y="3370"/>
                    <a:pt x="13453" y="3979"/>
                  </a:cubicBezTo>
                  <a:cubicBezTo>
                    <a:pt x="14049" y="4470"/>
                    <a:pt x="15486" y="3131"/>
                    <a:pt x="16402" y="2241"/>
                  </a:cubicBezTo>
                  <a:cubicBezTo>
                    <a:pt x="15931" y="3372"/>
                    <a:pt x="15154" y="4920"/>
                    <a:pt x="15400" y="5537"/>
                  </a:cubicBezTo>
                  <a:cubicBezTo>
                    <a:pt x="15798" y="6378"/>
                    <a:pt x="15799" y="6415"/>
                    <a:pt x="17539" y="6453"/>
                  </a:cubicBezTo>
                  <a:cubicBezTo>
                    <a:pt x="16799" y="7104"/>
                    <a:pt x="16074" y="7628"/>
                    <a:pt x="16005" y="8407"/>
                  </a:cubicBezTo>
                  <a:cubicBezTo>
                    <a:pt x="16021" y="9454"/>
                    <a:pt x="16588" y="9987"/>
                    <a:pt x="17336" y="10295"/>
                  </a:cubicBezTo>
                  <a:cubicBezTo>
                    <a:pt x="16615" y="10474"/>
                    <a:pt x="15435" y="10493"/>
                    <a:pt x="15400" y="11315"/>
                  </a:cubicBezTo>
                  <a:cubicBezTo>
                    <a:pt x="15240" y="12358"/>
                    <a:pt x="15768" y="13209"/>
                    <a:pt x="16600" y="14316"/>
                  </a:cubicBezTo>
                  <a:cubicBezTo>
                    <a:pt x="15655" y="13685"/>
                    <a:pt x="14452" y="12605"/>
                    <a:pt x="13660" y="13355"/>
                  </a:cubicBezTo>
                  <a:cubicBezTo>
                    <a:pt x="13456" y="13816"/>
                    <a:pt x="13708" y="15368"/>
                    <a:pt x="13962" y="16375"/>
                  </a:cubicBezTo>
                  <a:cubicBezTo>
                    <a:pt x="13164" y="15479"/>
                    <a:pt x="12304" y="14422"/>
                    <a:pt x="11200" y="14940"/>
                  </a:cubicBezTo>
                  <a:cubicBezTo>
                    <a:pt x="10630" y="15556"/>
                    <a:pt x="10409" y="16589"/>
                    <a:pt x="10632" y="17847"/>
                  </a:cubicBezTo>
                  <a:cubicBezTo>
                    <a:pt x="10159" y="17067"/>
                    <a:pt x="9487" y="16256"/>
                    <a:pt x="8892" y="16375"/>
                  </a:cubicBezTo>
                  <a:cubicBezTo>
                    <a:pt x="8257" y="16610"/>
                    <a:pt x="7897" y="17486"/>
                    <a:pt x="7720" y="18717"/>
                  </a:cubicBezTo>
                  <a:cubicBezTo>
                    <a:pt x="7482" y="17931"/>
                    <a:pt x="7136" y="17113"/>
                    <a:pt x="6547" y="17130"/>
                  </a:cubicBezTo>
                  <a:cubicBezTo>
                    <a:pt x="5936" y="17228"/>
                    <a:pt x="4594" y="18516"/>
                    <a:pt x="4227" y="19770"/>
                  </a:cubicBezTo>
                  <a:cubicBezTo>
                    <a:pt x="4251" y="18457"/>
                    <a:pt x="4213" y="17499"/>
                    <a:pt x="3687" y="16828"/>
                  </a:cubicBezTo>
                  <a:cubicBezTo>
                    <a:pt x="3241" y="16283"/>
                    <a:pt x="2307" y="16316"/>
                    <a:pt x="1022" y="16766"/>
                  </a:cubicBezTo>
                  <a:cubicBezTo>
                    <a:pt x="1694" y="16033"/>
                    <a:pt x="2395" y="15397"/>
                    <a:pt x="2350" y="14375"/>
                  </a:cubicBezTo>
                  <a:cubicBezTo>
                    <a:pt x="2247" y="12837"/>
                    <a:pt x="1381" y="12199"/>
                    <a:pt x="164" y="11946"/>
                  </a:cubicBezTo>
                  <a:cubicBezTo>
                    <a:pt x="1247" y="11753"/>
                    <a:pt x="2925" y="11432"/>
                    <a:pt x="2955" y="10597"/>
                  </a:cubicBezTo>
                  <a:cubicBezTo>
                    <a:pt x="2995" y="9651"/>
                    <a:pt x="1708" y="8029"/>
                    <a:pt x="787" y="6922"/>
                  </a:cubicBezTo>
                  <a:cubicBezTo>
                    <a:pt x="2035" y="7499"/>
                    <a:pt x="4090" y="8044"/>
                    <a:pt x="4392" y="6822"/>
                  </a:cubicBezTo>
                  <a:cubicBezTo>
                    <a:pt x="4259" y="5846"/>
                    <a:pt x="4156" y="3982"/>
                    <a:pt x="0" y="1611"/>
                  </a:cubicBezTo>
                  <a:cubicBezTo>
                    <a:pt x="4185" y="1874"/>
                    <a:pt x="5176" y="3215"/>
                    <a:pt x="6281" y="4940"/>
                  </a:cubicBezTo>
                  <a:cubicBezTo>
                    <a:pt x="6884" y="4233"/>
                    <a:pt x="6887" y="3164"/>
                    <a:pt x="6845" y="1503"/>
                  </a:cubicBezTo>
                  <a:cubicBezTo>
                    <a:pt x="7260" y="2959"/>
                    <a:pt x="7684" y="4103"/>
                    <a:pt x="8317" y="3845"/>
                  </a:cubicBezTo>
                  <a:cubicBezTo>
                    <a:pt x="8860" y="3643"/>
                    <a:pt x="8948" y="1802"/>
                    <a:pt x="8895" y="796"/>
                  </a:cubicBezTo>
                  <a:cubicBezTo>
                    <a:pt x="9124" y="1903"/>
                    <a:pt x="9399" y="3139"/>
                    <a:pt x="10482" y="3347"/>
                  </a:cubicBezTo>
                  <a:close/>
                </a:path>
              </a:pathLst>
            </a:custGeom>
            <a:solidFill>
              <a:srgbClr val="FFFFFF"/>
            </a:solidFill>
            <a:ln w="57150">
              <a:solidFill>
                <a:schemeClr val="accent5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/>
            </a:p>
          </p:txBody>
        </p:sp>
        <p:sp>
          <p:nvSpPr>
            <p:cNvPr id="41" name="テキスト ボックス 40">
              <a:extLst>
                <a:ext uri="{FF2B5EF4-FFF2-40B4-BE49-F238E27FC236}">
                  <a16:creationId xmlns:a16="http://schemas.microsoft.com/office/drawing/2014/main" id="{D9B35C13-71FB-484F-A201-F289AF173824}"/>
                </a:ext>
              </a:extLst>
            </p:cNvPr>
            <p:cNvSpPr txBox="1"/>
            <p:nvPr/>
          </p:nvSpPr>
          <p:spPr>
            <a:xfrm rot="20185654">
              <a:off x="288172" y="2628735"/>
              <a:ext cx="4101045" cy="699808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000" dirty="0">
                  <a:solidFill>
                    <a:schemeClr val="accent5">
                      <a:lumMod val="75000"/>
                    </a:schemeClr>
                  </a:solidFill>
                  <a:latin typeface="メイリオ" pitchFamily="50" charset="-128"/>
                  <a:ea typeface="メイリオ" pitchFamily="50" charset="-128"/>
                  <a:cs typeface="メイリオ" pitchFamily="50" charset="-128"/>
                </a:rPr>
                <a:t>ちゃんと</a:t>
              </a:r>
            </a:p>
            <a:p>
              <a:pPr algn="ctr"/>
              <a:r>
                <a:rPr lang="ja-JP" altLang="en-US" sz="2000" dirty="0">
                  <a:solidFill>
                    <a:schemeClr val="accent5">
                      <a:lumMod val="75000"/>
                    </a:schemeClr>
                  </a:solidFill>
                  <a:latin typeface="メイリオ" pitchFamily="50" charset="-128"/>
                  <a:ea typeface="メイリオ" pitchFamily="50" charset="-128"/>
                  <a:cs typeface="メイリオ" pitchFamily="50" charset="-128"/>
                </a:rPr>
                <a:t>あやまりなさい！</a:t>
              </a:r>
            </a:p>
          </p:txBody>
        </p:sp>
      </p:grpSp>
      <p:pic>
        <p:nvPicPr>
          <p:cNvPr id="44" name="図 43">
            <a:extLst>
              <a:ext uri="{FF2B5EF4-FFF2-40B4-BE49-F238E27FC236}">
                <a16:creationId xmlns:a16="http://schemas.microsoft.com/office/drawing/2014/main" id="{5D832B57-B3B6-1C4C-A005-BF1CB5B167BA}"/>
              </a:ext>
            </a:extLst>
          </p:cNvPr>
          <p:cNvPicPr>
            <a:picLocks noChangeAspect="1"/>
          </p:cNvPicPr>
          <p:nvPr/>
        </p:nvPicPr>
        <p:blipFill rotWithShape="1"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1788"/>
          <a:stretch/>
        </p:blipFill>
        <p:spPr>
          <a:xfrm>
            <a:off x="2363835" y="4063483"/>
            <a:ext cx="1879600" cy="2794517"/>
          </a:xfrm>
          <a:prstGeom prst="rect">
            <a:avLst/>
          </a:prstGeom>
        </p:spPr>
      </p:pic>
      <p:grpSp>
        <p:nvGrpSpPr>
          <p:cNvPr id="31" name="グループ化 30">
            <a:extLst>
              <a:ext uri="{FF2B5EF4-FFF2-40B4-BE49-F238E27FC236}">
                <a16:creationId xmlns:a16="http://schemas.microsoft.com/office/drawing/2014/main" id="{DE7FFD86-2725-4560-90FB-CDEF456968EE}"/>
              </a:ext>
            </a:extLst>
          </p:cNvPr>
          <p:cNvGrpSpPr/>
          <p:nvPr/>
        </p:nvGrpSpPr>
        <p:grpSpPr>
          <a:xfrm rot="21160695">
            <a:off x="3954854" y="3605552"/>
            <a:ext cx="2471970" cy="1704623"/>
            <a:chOff x="3148541" y="3349061"/>
            <a:chExt cx="2424624" cy="1818419"/>
          </a:xfrm>
        </p:grpSpPr>
        <p:sp>
          <p:nvSpPr>
            <p:cNvPr id="32" name="雲 31">
              <a:extLst>
                <a:ext uri="{FF2B5EF4-FFF2-40B4-BE49-F238E27FC236}">
                  <a16:creationId xmlns:a16="http://schemas.microsoft.com/office/drawing/2014/main" id="{499D2D8C-FB18-4130-A391-4F646E76C81D}"/>
                </a:ext>
              </a:extLst>
            </p:cNvPr>
            <p:cNvSpPr/>
            <p:nvPr/>
          </p:nvSpPr>
          <p:spPr>
            <a:xfrm rot="244579" flipH="1">
              <a:off x="3148541" y="3349061"/>
              <a:ext cx="2424624" cy="1818419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8996 w 43256"/>
                <a:gd name="connsiteY12" fmla="*/ 35250 h 43219"/>
                <a:gd name="connsiteX13" fmla="*/ 35431 w 43256"/>
                <a:gd name="connsiteY13" fmla="*/ 35960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431 w 43256"/>
                <a:gd name="connsiteY14" fmla="*/ 35960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914 w 43256"/>
                <a:gd name="connsiteY14" fmla="*/ 35252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8996 w 43256"/>
                <a:gd name="connsiteY13" fmla="*/ 35250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146 w 43256"/>
                <a:gd name="connsiteY13" fmla="*/ 35318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12 w 43256"/>
                <a:gd name="connsiteY13" fmla="*/ 35606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5897 w 43256"/>
                <a:gd name="connsiteY14" fmla="*/ 34856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431 w 43256"/>
                <a:gd name="connsiteY15" fmla="*/ 35960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002 w 43256"/>
                <a:gd name="connsiteY13" fmla="*/ 3536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224 w 43256"/>
                <a:gd name="connsiteY13" fmla="*/ 35749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39313 w 43256"/>
                <a:gd name="connsiteY13" fmla="*/ 36007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6050 w 43256"/>
                <a:gd name="connsiteY14" fmla="*/ 35003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982 w 43256"/>
                <a:gd name="connsiteY14" fmla="*/ 35098 h 43219"/>
                <a:gd name="connsiteX15" fmla="*/ 35606 w 43256"/>
                <a:gd name="connsiteY15" fmla="*/ 35594 h 43219"/>
                <a:gd name="connsiteX16" fmla="*/ 35118 w 43256"/>
                <a:gd name="connsiteY16" fmla="*/ 36183 h 43219"/>
                <a:gd name="connsiteX17" fmla="*/ 28591 w 43256"/>
                <a:gd name="connsiteY17" fmla="*/ 36674 h 43219"/>
                <a:gd name="connsiteX18" fmla="*/ 23703 w 43256"/>
                <a:gd name="connsiteY18" fmla="*/ 42965 h 43219"/>
                <a:gd name="connsiteX19" fmla="*/ 16516 w 43256"/>
                <a:gd name="connsiteY19" fmla="*/ 39125 h 43219"/>
                <a:gd name="connsiteX20" fmla="*/ 5840 w 43256"/>
                <a:gd name="connsiteY20" fmla="*/ 35331 h 43219"/>
                <a:gd name="connsiteX21" fmla="*/ 1146 w 43256"/>
                <a:gd name="connsiteY21" fmla="*/ 31109 h 43219"/>
                <a:gd name="connsiteX22" fmla="*/ 2149 w 43256"/>
                <a:gd name="connsiteY22" fmla="*/ 25410 h 43219"/>
                <a:gd name="connsiteX23" fmla="*/ 31 w 43256"/>
                <a:gd name="connsiteY23" fmla="*/ 19563 h 43219"/>
                <a:gd name="connsiteX24" fmla="*/ 3899 w 43256"/>
                <a:gd name="connsiteY24" fmla="*/ 14366 h 43219"/>
                <a:gd name="connsiteX25" fmla="*/ 3936 w 43256"/>
                <a:gd name="connsiteY25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606 w 43256"/>
                <a:gd name="connsiteY14" fmla="*/ 35594 h 43219"/>
                <a:gd name="connsiteX15" fmla="*/ 35118 w 43256"/>
                <a:gd name="connsiteY15" fmla="*/ 36183 h 43219"/>
                <a:gd name="connsiteX16" fmla="*/ 28591 w 43256"/>
                <a:gd name="connsiteY16" fmla="*/ 36674 h 43219"/>
                <a:gd name="connsiteX17" fmla="*/ 23703 w 43256"/>
                <a:gd name="connsiteY17" fmla="*/ 42965 h 43219"/>
                <a:gd name="connsiteX18" fmla="*/ 16516 w 43256"/>
                <a:gd name="connsiteY18" fmla="*/ 39125 h 43219"/>
                <a:gd name="connsiteX19" fmla="*/ 5840 w 43256"/>
                <a:gd name="connsiteY19" fmla="*/ 35331 h 43219"/>
                <a:gd name="connsiteX20" fmla="*/ 1146 w 43256"/>
                <a:gd name="connsiteY20" fmla="*/ 31109 h 43219"/>
                <a:gd name="connsiteX21" fmla="*/ 2149 w 43256"/>
                <a:gd name="connsiteY21" fmla="*/ 25410 h 43219"/>
                <a:gd name="connsiteX22" fmla="*/ 31 w 43256"/>
                <a:gd name="connsiteY22" fmla="*/ 19563 h 43219"/>
                <a:gd name="connsiteX23" fmla="*/ 3899 w 43256"/>
                <a:gd name="connsiteY23" fmla="*/ 14366 h 43219"/>
                <a:gd name="connsiteX24" fmla="*/ 3936 w 43256"/>
                <a:gd name="connsiteY24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7012 w 43256"/>
                <a:gd name="connsiteY12" fmla="*/ 32109 h 43219"/>
                <a:gd name="connsiteX13" fmla="*/ 41144 w 43256"/>
                <a:gd name="connsiteY13" fmla="*/ 37651 h 43219"/>
                <a:gd name="connsiteX14" fmla="*/ 35118 w 43256"/>
                <a:gd name="connsiteY14" fmla="*/ 36183 h 43219"/>
                <a:gd name="connsiteX15" fmla="*/ 28591 w 43256"/>
                <a:gd name="connsiteY15" fmla="*/ 36674 h 43219"/>
                <a:gd name="connsiteX16" fmla="*/ 23703 w 43256"/>
                <a:gd name="connsiteY16" fmla="*/ 42965 h 43219"/>
                <a:gd name="connsiteX17" fmla="*/ 16516 w 43256"/>
                <a:gd name="connsiteY17" fmla="*/ 39125 h 43219"/>
                <a:gd name="connsiteX18" fmla="*/ 5840 w 43256"/>
                <a:gd name="connsiteY18" fmla="*/ 35331 h 43219"/>
                <a:gd name="connsiteX19" fmla="*/ 1146 w 43256"/>
                <a:gd name="connsiteY19" fmla="*/ 31109 h 43219"/>
                <a:gd name="connsiteX20" fmla="*/ 2149 w 43256"/>
                <a:gd name="connsiteY20" fmla="*/ 25410 h 43219"/>
                <a:gd name="connsiteX21" fmla="*/ 31 w 43256"/>
                <a:gd name="connsiteY21" fmla="*/ 19563 h 43219"/>
                <a:gd name="connsiteX22" fmla="*/ 3899 w 43256"/>
                <a:gd name="connsiteY22" fmla="*/ 14366 h 43219"/>
                <a:gd name="connsiteX23" fmla="*/ 3936 w 43256"/>
                <a:gd name="connsiteY23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1144 w 43256"/>
                <a:gd name="connsiteY12" fmla="*/ 37651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5118 w 43256"/>
                <a:gd name="connsiteY13" fmla="*/ 36183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42175 w 43256"/>
                <a:gd name="connsiteY12" fmla="*/ 39794 h 43219"/>
                <a:gd name="connsiteX13" fmla="*/ 34806 w 43256"/>
                <a:gd name="connsiteY13" fmla="*/ 35056 h 43219"/>
                <a:gd name="connsiteX14" fmla="*/ 28591 w 43256"/>
                <a:gd name="connsiteY14" fmla="*/ 36674 h 43219"/>
                <a:gd name="connsiteX15" fmla="*/ 23703 w 43256"/>
                <a:gd name="connsiteY15" fmla="*/ 42965 h 43219"/>
                <a:gd name="connsiteX16" fmla="*/ 16516 w 43256"/>
                <a:gd name="connsiteY16" fmla="*/ 39125 h 43219"/>
                <a:gd name="connsiteX17" fmla="*/ 5840 w 43256"/>
                <a:gd name="connsiteY17" fmla="*/ 35331 h 43219"/>
                <a:gd name="connsiteX18" fmla="*/ 1146 w 43256"/>
                <a:gd name="connsiteY18" fmla="*/ 31109 h 43219"/>
                <a:gd name="connsiteX19" fmla="*/ 2149 w 43256"/>
                <a:gd name="connsiteY19" fmla="*/ 25410 h 43219"/>
                <a:gd name="connsiteX20" fmla="*/ 31 w 43256"/>
                <a:gd name="connsiteY20" fmla="*/ 19563 h 43219"/>
                <a:gd name="connsiteX21" fmla="*/ 3899 w 43256"/>
                <a:gd name="connsiteY21" fmla="*/ 14366 h 43219"/>
                <a:gd name="connsiteX22" fmla="*/ 3936 w 43256"/>
                <a:gd name="connsiteY22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175 w 43367"/>
                <a:gd name="connsiteY12" fmla="*/ 39794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06 w 43367"/>
                <a:gd name="connsiteY13" fmla="*/ 35056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367"/>
                <a:gd name="connsiteY0" fmla="*/ 14229 h 43219"/>
                <a:gd name="connsiteX1" fmla="*/ 5659 w 43367"/>
                <a:gd name="connsiteY1" fmla="*/ 6766 h 43219"/>
                <a:gd name="connsiteX2" fmla="*/ 14041 w 43367"/>
                <a:gd name="connsiteY2" fmla="*/ 5061 h 43219"/>
                <a:gd name="connsiteX3" fmla="*/ 22492 w 43367"/>
                <a:gd name="connsiteY3" fmla="*/ 3291 h 43219"/>
                <a:gd name="connsiteX4" fmla="*/ 25785 w 43367"/>
                <a:gd name="connsiteY4" fmla="*/ 59 h 43219"/>
                <a:gd name="connsiteX5" fmla="*/ 29869 w 43367"/>
                <a:gd name="connsiteY5" fmla="*/ 2340 h 43219"/>
                <a:gd name="connsiteX6" fmla="*/ 35499 w 43367"/>
                <a:gd name="connsiteY6" fmla="*/ 549 h 43219"/>
                <a:gd name="connsiteX7" fmla="*/ 38354 w 43367"/>
                <a:gd name="connsiteY7" fmla="*/ 5435 h 43219"/>
                <a:gd name="connsiteX8" fmla="*/ 42018 w 43367"/>
                <a:gd name="connsiteY8" fmla="*/ 10177 h 43219"/>
                <a:gd name="connsiteX9" fmla="*/ 41854 w 43367"/>
                <a:gd name="connsiteY9" fmla="*/ 15319 h 43219"/>
                <a:gd name="connsiteX10" fmla="*/ 43052 w 43367"/>
                <a:gd name="connsiteY10" fmla="*/ 23181 h 43219"/>
                <a:gd name="connsiteX11" fmla="*/ 37286 w 43367"/>
                <a:gd name="connsiteY11" fmla="*/ 30591 h 43219"/>
                <a:gd name="connsiteX12" fmla="*/ 42820 w 43367"/>
                <a:gd name="connsiteY12" fmla="*/ 40458 h 43219"/>
                <a:gd name="connsiteX13" fmla="*/ 34840 w 43367"/>
                <a:gd name="connsiteY13" fmla="*/ 35172 h 43219"/>
                <a:gd name="connsiteX14" fmla="*/ 28591 w 43367"/>
                <a:gd name="connsiteY14" fmla="*/ 36674 h 43219"/>
                <a:gd name="connsiteX15" fmla="*/ 23703 w 43367"/>
                <a:gd name="connsiteY15" fmla="*/ 42965 h 43219"/>
                <a:gd name="connsiteX16" fmla="*/ 16516 w 43367"/>
                <a:gd name="connsiteY16" fmla="*/ 39125 h 43219"/>
                <a:gd name="connsiteX17" fmla="*/ 5840 w 43367"/>
                <a:gd name="connsiteY17" fmla="*/ 35331 h 43219"/>
                <a:gd name="connsiteX18" fmla="*/ 1146 w 43367"/>
                <a:gd name="connsiteY18" fmla="*/ 31109 h 43219"/>
                <a:gd name="connsiteX19" fmla="*/ 2149 w 43367"/>
                <a:gd name="connsiteY19" fmla="*/ 25410 h 43219"/>
                <a:gd name="connsiteX20" fmla="*/ 31 w 43367"/>
                <a:gd name="connsiteY20" fmla="*/ 19563 h 43219"/>
                <a:gd name="connsiteX21" fmla="*/ 3899 w 43367"/>
                <a:gd name="connsiteY21" fmla="*/ 14366 h 43219"/>
                <a:gd name="connsiteX22" fmla="*/ 3936 w 43367"/>
                <a:gd name="connsiteY22" fmla="*/ 14229 h 43219"/>
                <a:gd name="connsiteX0" fmla="*/ 28619 w 43367"/>
                <a:gd name="connsiteY0" fmla="*/ 36455 h 43219"/>
                <a:gd name="connsiteX1" fmla="*/ 28596 w 43367"/>
                <a:gd name="connsiteY1" fmla="*/ 36519 h 43219"/>
                <a:gd name="connsiteX0" fmla="*/ 3936 w 43446"/>
                <a:gd name="connsiteY0" fmla="*/ 14229 h 43219"/>
                <a:gd name="connsiteX1" fmla="*/ 5659 w 43446"/>
                <a:gd name="connsiteY1" fmla="*/ 6766 h 43219"/>
                <a:gd name="connsiteX2" fmla="*/ 14041 w 43446"/>
                <a:gd name="connsiteY2" fmla="*/ 5061 h 43219"/>
                <a:gd name="connsiteX3" fmla="*/ 22492 w 43446"/>
                <a:gd name="connsiteY3" fmla="*/ 3291 h 43219"/>
                <a:gd name="connsiteX4" fmla="*/ 25785 w 43446"/>
                <a:gd name="connsiteY4" fmla="*/ 59 h 43219"/>
                <a:gd name="connsiteX5" fmla="*/ 29869 w 43446"/>
                <a:gd name="connsiteY5" fmla="*/ 2340 h 43219"/>
                <a:gd name="connsiteX6" fmla="*/ 35499 w 43446"/>
                <a:gd name="connsiteY6" fmla="*/ 549 h 43219"/>
                <a:gd name="connsiteX7" fmla="*/ 38354 w 43446"/>
                <a:gd name="connsiteY7" fmla="*/ 5435 h 43219"/>
                <a:gd name="connsiteX8" fmla="*/ 42018 w 43446"/>
                <a:gd name="connsiteY8" fmla="*/ 10177 h 43219"/>
                <a:gd name="connsiteX9" fmla="*/ 41854 w 43446"/>
                <a:gd name="connsiteY9" fmla="*/ 15319 h 43219"/>
                <a:gd name="connsiteX10" fmla="*/ 43052 w 43446"/>
                <a:gd name="connsiteY10" fmla="*/ 23181 h 43219"/>
                <a:gd name="connsiteX11" fmla="*/ 37286 w 43446"/>
                <a:gd name="connsiteY11" fmla="*/ 30591 h 43219"/>
                <a:gd name="connsiteX12" fmla="*/ 43446 w 43446"/>
                <a:gd name="connsiteY12" fmla="*/ 40687 h 43219"/>
                <a:gd name="connsiteX13" fmla="*/ 34840 w 43446"/>
                <a:gd name="connsiteY13" fmla="*/ 35172 h 43219"/>
                <a:gd name="connsiteX14" fmla="*/ 28591 w 43446"/>
                <a:gd name="connsiteY14" fmla="*/ 36674 h 43219"/>
                <a:gd name="connsiteX15" fmla="*/ 23703 w 43446"/>
                <a:gd name="connsiteY15" fmla="*/ 42965 h 43219"/>
                <a:gd name="connsiteX16" fmla="*/ 16516 w 43446"/>
                <a:gd name="connsiteY16" fmla="*/ 39125 h 43219"/>
                <a:gd name="connsiteX17" fmla="*/ 5840 w 43446"/>
                <a:gd name="connsiteY17" fmla="*/ 35331 h 43219"/>
                <a:gd name="connsiteX18" fmla="*/ 1146 w 43446"/>
                <a:gd name="connsiteY18" fmla="*/ 31109 h 43219"/>
                <a:gd name="connsiteX19" fmla="*/ 2149 w 43446"/>
                <a:gd name="connsiteY19" fmla="*/ 25410 h 43219"/>
                <a:gd name="connsiteX20" fmla="*/ 31 w 43446"/>
                <a:gd name="connsiteY20" fmla="*/ 19563 h 43219"/>
                <a:gd name="connsiteX21" fmla="*/ 3899 w 43446"/>
                <a:gd name="connsiteY21" fmla="*/ 14366 h 43219"/>
                <a:gd name="connsiteX22" fmla="*/ 3936 w 43446"/>
                <a:gd name="connsiteY22" fmla="*/ 14229 h 43219"/>
                <a:gd name="connsiteX0" fmla="*/ 28619 w 43446"/>
                <a:gd name="connsiteY0" fmla="*/ 36455 h 43219"/>
                <a:gd name="connsiteX1" fmla="*/ 28596 w 43446"/>
                <a:gd name="connsiteY1" fmla="*/ 36519 h 43219"/>
                <a:gd name="connsiteX0" fmla="*/ 3936 w 43446"/>
                <a:gd name="connsiteY0" fmla="*/ 14229 h 43219"/>
                <a:gd name="connsiteX1" fmla="*/ 5659 w 43446"/>
                <a:gd name="connsiteY1" fmla="*/ 6766 h 43219"/>
                <a:gd name="connsiteX2" fmla="*/ 14041 w 43446"/>
                <a:gd name="connsiteY2" fmla="*/ 5061 h 43219"/>
                <a:gd name="connsiteX3" fmla="*/ 22492 w 43446"/>
                <a:gd name="connsiteY3" fmla="*/ 3291 h 43219"/>
                <a:gd name="connsiteX4" fmla="*/ 25785 w 43446"/>
                <a:gd name="connsiteY4" fmla="*/ 59 h 43219"/>
                <a:gd name="connsiteX5" fmla="*/ 29869 w 43446"/>
                <a:gd name="connsiteY5" fmla="*/ 2340 h 43219"/>
                <a:gd name="connsiteX6" fmla="*/ 35499 w 43446"/>
                <a:gd name="connsiteY6" fmla="*/ 549 h 43219"/>
                <a:gd name="connsiteX7" fmla="*/ 38354 w 43446"/>
                <a:gd name="connsiteY7" fmla="*/ 5435 h 43219"/>
                <a:gd name="connsiteX8" fmla="*/ 42018 w 43446"/>
                <a:gd name="connsiteY8" fmla="*/ 10177 h 43219"/>
                <a:gd name="connsiteX9" fmla="*/ 41854 w 43446"/>
                <a:gd name="connsiteY9" fmla="*/ 15319 h 43219"/>
                <a:gd name="connsiteX10" fmla="*/ 43052 w 43446"/>
                <a:gd name="connsiteY10" fmla="*/ 23181 h 43219"/>
                <a:gd name="connsiteX11" fmla="*/ 37286 w 43446"/>
                <a:gd name="connsiteY11" fmla="*/ 30591 h 43219"/>
                <a:gd name="connsiteX12" fmla="*/ 43446 w 43446"/>
                <a:gd name="connsiteY12" fmla="*/ 40687 h 43219"/>
                <a:gd name="connsiteX13" fmla="*/ 34840 w 43446"/>
                <a:gd name="connsiteY13" fmla="*/ 35172 h 43219"/>
                <a:gd name="connsiteX14" fmla="*/ 28591 w 43446"/>
                <a:gd name="connsiteY14" fmla="*/ 36674 h 43219"/>
                <a:gd name="connsiteX15" fmla="*/ 23703 w 43446"/>
                <a:gd name="connsiteY15" fmla="*/ 42965 h 43219"/>
                <a:gd name="connsiteX16" fmla="*/ 16516 w 43446"/>
                <a:gd name="connsiteY16" fmla="*/ 39125 h 43219"/>
                <a:gd name="connsiteX17" fmla="*/ 5840 w 43446"/>
                <a:gd name="connsiteY17" fmla="*/ 35331 h 43219"/>
                <a:gd name="connsiteX18" fmla="*/ 1146 w 43446"/>
                <a:gd name="connsiteY18" fmla="*/ 31109 h 43219"/>
                <a:gd name="connsiteX19" fmla="*/ 2149 w 43446"/>
                <a:gd name="connsiteY19" fmla="*/ 25410 h 43219"/>
                <a:gd name="connsiteX20" fmla="*/ 31 w 43446"/>
                <a:gd name="connsiteY20" fmla="*/ 19563 h 43219"/>
                <a:gd name="connsiteX21" fmla="*/ 3899 w 43446"/>
                <a:gd name="connsiteY21" fmla="*/ 14366 h 43219"/>
                <a:gd name="connsiteX22" fmla="*/ 3936 w 43446"/>
                <a:gd name="connsiteY22" fmla="*/ 14229 h 43219"/>
                <a:gd name="connsiteX0" fmla="*/ 28619 w 43446"/>
                <a:gd name="connsiteY0" fmla="*/ 36455 h 43219"/>
                <a:gd name="connsiteX1" fmla="*/ 28596 w 4344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44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813" y="20636"/>
                    <a:pt x="43052" y="23181"/>
                  </a:cubicBezTo>
                  <a:cubicBezTo>
                    <a:pt x="42291" y="25726"/>
                    <a:pt x="40010" y="30061"/>
                    <a:pt x="37286" y="30591"/>
                  </a:cubicBezTo>
                  <a:cubicBezTo>
                    <a:pt x="36968" y="33003"/>
                    <a:pt x="39415" y="36557"/>
                    <a:pt x="43446" y="40687"/>
                  </a:cubicBezTo>
                  <a:cubicBezTo>
                    <a:pt x="38529" y="38725"/>
                    <a:pt x="37564" y="38237"/>
                    <a:pt x="34840" y="35172"/>
                  </a:cubicBezTo>
                  <a:cubicBezTo>
                    <a:pt x="34186" y="37306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44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solidFill>
              <a:srgbClr val="FFFFFF"/>
            </a:solidFill>
            <a:ln w="57150" cap="rnd">
              <a:solidFill>
                <a:schemeClr val="accent5"/>
              </a:solidFill>
              <a:round/>
            </a:ln>
            <a:effectLst>
              <a:glow rad="63500">
                <a:schemeClr val="accent5">
                  <a:satMod val="175000"/>
                  <a:alpha val="40000"/>
                </a:schemeClr>
              </a:glo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ot="0" spcFirstLastPara="0" vertOverflow="overflow" horzOverflow="overflow" vert="horz" wrap="square" lIns="91440" tIns="45720" rIns="91440" bIns="45720" numCol="1" spcCol="0" rtlCol="0" fromWordArt="0" anchor="ctr" anchorCtr="0" forceAA="0" compatLnSpc="1">
              <a:prstTxWarp prst="textNoShape">
                <a:avLst/>
              </a:prstTxWarp>
              <a:noAutofit/>
            </a:bodyPr>
            <a:lstStyle/>
            <a:p>
              <a:pPr algn="ctr"/>
              <a:endParaRPr lang="ja-JP" altLang="en-US">
                <a:solidFill>
                  <a:schemeClr val="lt1"/>
                </a:solidFill>
              </a:endParaRPr>
            </a:p>
          </p:txBody>
        </p:sp>
        <p:sp>
          <p:nvSpPr>
            <p:cNvPr id="33" name="テキスト ボックス 32">
              <a:extLst>
                <a:ext uri="{FF2B5EF4-FFF2-40B4-BE49-F238E27FC236}">
                  <a16:creationId xmlns:a16="http://schemas.microsoft.com/office/drawing/2014/main" id="{3C198904-E280-4CC0-84A1-CC53FC15800F}"/>
                </a:ext>
              </a:extLst>
            </p:cNvPr>
            <p:cNvSpPr txBox="1"/>
            <p:nvPr/>
          </p:nvSpPr>
          <p:spPr>
            <a:xfrm rot="439305">
              <a:off x="3243901" y="3801765"/>
              <a:ext cx="2245249" cy="755143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うるさくして</a:t>
              </a:r>
              <a:endParaRPr lang="en-US" altLang="ja-JP" sz="2000" dirty="0">
                <a:solidFill>
                  <a:schemeClr val="accent5">
                    <a:lumMod val="50000"/>
                  </a:schemeClr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endParaRPr>
            </a:p>
            <a:p>
              <a:pPr algn="ctr"/>
              <a:r>
                <a:rPr lang="ja-JP" altLang="en-US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ごめんなさい</a:t>
              </a:r>
              <a:r>
                <a:rPr lang="en-US" altLang="ja-JP" sz="2000" dirty="0">
                  <a:solidFill>
                    <a:schemeClr val="accent5">
                      <a:lumMod val="50000"/>
                    </a:schemeClr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メイリオ" panose="020B0604030504040204" pitchFamily="50" charset="-128"/>
                </a:rPr>
                <a:t>…</a:t>
              </a:r>
            </a:p>
          </p:txBody>
        </p:sp>
      </p:grpSp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D0DEC7C3-9907-6769-7FCF-9F32218DA38C}"/>
              </a:ext>
            </a:extLst>
          </p:cNvPr>
          <p:cNvSpPr txBox="1"/>
          <p:nvPr/>
        </p:nvSpPr>
        <p:spPr>
          <a:xfrm>
            <a:off x="2752725" y="847885"/>
            <a:ext cx="45641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さわ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47668433-CA48-0EDD-BB71-DFB9B332D8B1}"/>
              </a:ext>
            </a:extLst>
          </p:cNvPr>
          <p:cNvSpPr txBox="1"/>
          <p:nvPr/>
        </p:nvSpPr>
        <p:spPr>
          <a:xfrm>
            <a:off x="128748" y="847885"/>
            <a:ext cx="77803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んじょ</a:t>
            </a:r>
          </a:p>
        </p:txBody>
      </p: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9E5325BF-D32A-4177-2671-A383F639A0A3}"/>
              </a:ext>
            </a:extLst>
          </p:cNvPr>
          <p:cNvSpPr txBox="1"/>
          <p:nvPr/>
        </p:nvSpPr>
        <p:spPr>
          <a:xfrm>
            <a:off x="159228" y="1416255"/>
            <a:ext cx="67135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なると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3E42E03B-0336-20B0-3D65-889F2EEFF7F7}"/>
              </a:ext>
            </a:extLst>
          </p:cNvPr>
          <p:cNvSpPr txBox="1"/>
          <p:nvPr/>
        </p:nvSpPr>
        <p:spPr>
          <a:xfrm>
            <a:off x="1726846" y="1416255"/>
            <a:ext cx="48295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や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A937DB13-21DC-437D-2D37-52006959DC76}"/>
              </a:ext>
            </a:extLst>
          </p:cNvPr>
          <p:cNvSpPr txBox="1"/>
          <p:nvPr/>
        </p:nvSpPr>
        <p:spPr>
          <a:xfrm>
            <a:off x="2467500" y="1416255"/>
            <a:ext cx="711164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いっしょ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484684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10" presetClass="entr" presetSubtype="0" fill="hold" nodeType="after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altLang="ja-JP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23. </a:t>
            </a:r>
            <a:r>
              <a:rPr lang="ja-JP" altLang="en-US" dirty="0"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ネットゲームのやりすぎはダメ！③（ルール・マナー）</a:t>
            </a:r>
            <a:endParaRPr lang="ja-JP" altLang="en-US" dirty="0"/>
          </a:p>
        </p:txBody>
      </p:sp>
      <p:sp>
        <p:nvSpPr>
          <p:cNvPr id="11" name="角丸四角形 10"/>
          <p:cNvSpPr/>
          <p:nvPr/>
        </p:nvSpPr>
        <p:spPr>
          <a:xfrm>
            <a:off x="-133349" y="658369"/>
            <a:ext cx="9410699" cy="3221422"/>
          </a:xfrm>
          <a:prstGeom prst="roundRect">
            <a:avLst/>
          </a:prstGeom>
          <a:solidFill>
            <a:schemeClr val="bg1"/>
          </a:solidFill>
          <a:ln w="57150" cap="rnd" cmpd="thickThin">
            <a:noFill/>
            <a:prstDash val="dashDot"/>
            <a:round/>
          </a:ln>
          <a:effectLst>
            <a:softEdge rad="317500"/>
          </a:effectLst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kumimoji="1" lang="ja-JP" altLang="en-US"/>
          </a:p>
        </p:txBody>
      </p:sp>
      <p:sp>
        <p:nvSpPr>
          <p:cNvPr id="16" name="テキスト ボックス 15"/>
          <p:cNvSpPr txBox="1"/>
          <p:nvPr/>
        </p:nvSpPr>
        <p:spPr>
          <a:xfrm>
            <a:off x="453945" y="1244126"/>
            <a:ext cx="823611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ゲームについてのルールを相談して決める。</a:t>
            </a:r>
          </a:p>
        </p:txBody>
      </p:sp>
      <p:grpSp>
        <p:nvGrpSpPr>
          <p:cNvPr id="4" name="グループ化 3"/>
          <p:cNvGrpSpPr/>
          <p:nvPr/>
        </p:nvGrpSpPr>
        <p:grpSpPr>
          <a:xfrm rot="21377646">
            <a:off x="359531" y="3542596"/>
            <a:ext cx="5519468" cy="2297761"/>
            <a:chOff x="622655" y="4486365"/>
            <a:chExt cx="4572000" cy="2240620"/>
          </a:xfrm>
        </p:grpSpPr>
        <p:sp>
          <p:nvSpPr>
            <p:cNvPr id="18" name="雲 31"/>
            <p:cNvSpPr/>
            <p:nvPr/>
          </p:nvSpPr>
          <p:spPr>
            <a:xfrm rot="197991">
              <a:off x="770652" y="4486365"/>
              <a:ext cx="4201229" cy="2240620"/>
            </a:xfrm>
            <a:custGeom>
              <a:avLst/>
              <a:gdLst>
                <a:gd name="connsiteX0" fmla="*/ 3900 w 43200"/>
                <a:gd name="connsiteY0" fmla="*/ 14370 h 43200"/>
                <a:gd name="connsiteX1" fmla="*/ 5623 w 43200"/>
                <a:gd name="connsiteY1" fmla="*/ 6907 h 43200"/>
                <a:gd name="connsiteX2" fmla="*/ 14005 w 43200"/>
                <a:gd name="connsiteY2" fmla="*/ 5202 h 43200"/>
                <a:gd name="connsiteX3" fmla="*/ 22456 w 43200"/>
                <a:gd name="connsiteY3" fmla="*/ 3432 h 43200"/>
                <a:gd name="connsiteX4" fmla="*/ 25749 w 43200"/>
                <a:gd name="connsiteY4" fmla="*/ 200 h 43200"/>
                <a:gd name="connsiteX5" fmla="*/ 29833 w 43200"/>
                <a:gd name="connsiteY5" fmla="*/ 2481 h 43200"/>
                <a:gd name="connsiteX6" fmla="*/ 35463 w 43200"/>
                <a:gd name="connsiteY6" fmla="*/ 690 h 43200"/>
                <a:gd name="connsiteX7" fmla="*/ 38318 w 43200"/>
                <a:gd name="connsiteY7" fmla="*/ 5576 h 43200"/>
                <a:gd name="connsiteX8" fmla="*/ 41982 w 43200"/>
                <a:gd name="connsiteY8" fmla="*/ 10318 h 43200"/>
                <a:gd name="connsiteX9" fmla="*/ 41818 w 43200"/>
                <a:gd name="connsiteY9" fmla="*/ 15460 h 43200"/>
                <a:gd name="connsiteX10" fmla="*/ 43016 w 43200"/>
                <a:gd name="connsiteY10" fmla="*/ 23322 h 43200"/>
                <a:gd name="connsiteX11" fmla="*/ 37404 w 43200"/>
                <a:gd name="connsiteY11" fmla="*/ 30204 h 43200"/>
                <a:gd name="connsiteX12" fmla="*/ 35395 w 43200"/>
                <a:gd name="connsiteY12" fmla="*/ 36101 h 43200"/>
                <a:gd name="connsiteX13" fmla="*/ 28555 w 43200"/>
                <a:gd name="connsiteY13" fmla="*/ 36815 h 43200"/>
                <a:gd name="connsiteX14" fmla="*/ 23667 w 43200"/>
                <a:gd name="connsiteY14" fmla="*/ 43106 h 43200"/>
                <a:gd name="connsiteX15" fmla="*/ 16480 w 43200"/>
                <a:gd name="connsiteY15" fmla="*/ 39266 h 43200"/>
                <a:gd name="connsiteX16" fmla="*/ 5804 w 43200"/>
                <a:gd name="connsiteY16" fmla="*/ 35472 h 43200"/>
                <a:gd name="connsiteX17" fmla="*/ 1110 w 43200"/>
                <a:gd name="connsiteY17" fmla="*/ 31250 h 43200"/>
                <a:gd name="connsiteX18" fmla="*/ 2113 w 43200"/>
                <a:gd name="connsiteY18" fmla="*/ 25551 h 43200"/>
                <a:gd name="connsiteX19" fmla="*/ -5 w 43200"/>
                <a:gd name="connsiteY19" fmla="*/ 19704 h 43200"/>
                <a:gd name="connsiteX20" fmla="*/ 3863 w 43200"/>
                <a:gd name="connsiteY20" fmla="*/ 14507 h 43200"/>
                <a:gd name="connsiteX21" fmla="*/ 3900 w 43200"/>
                <a:gd name="connsiteY21" fmla="*/ 14370 h 43200"/>
                <a:gd name="connsiteX0" fmla="*/ 4693 w 43200"/>
                <a:gd name="connsiteY0" fmla="*/ 26177 h 43200"/>
                <a:gd name="connsiteX1" fmla="*/ 2160 w 43200"/>
                <a:gd name="connsiteY1" fmla="*/ 25380 h 43200"/>
                <a:gd name="connsiteX2" fmla="*/ 6928 w 43200"/>
                <a:gd name="connsiteY2" fmla="*/ 34899 h 43200"/>
                <a:gd name="connsiteX3" fmla="*/ 5820 w 43200"/>
                <a:gd name="connsiteY3" fmla="*/ 35280 h 43200"/>
                <a:gd name="connsiteX4" fmla="*/ 16478 w 43200"/>
                <a:gd name="connsiteY4" fmla="*/ 39090 h 43200"/>
                <a:gd name="connsiteX5" fmla="*/ 15810 w 43200"/>
                <a:gd name="connsiteY5" fmla="*/ 37350 h 43200"/>
                <a:gd name="connsiteX6" fmla="*/ 28827 w 43200"/>
                <a:gd name="connsiteY6" fmla="*/ 34751 h 43200"/>
                <a:gd name="connsiteX7" fmla="*/ 28560 w 43200"/>
                <a:gd name="connsiteY7" fmla="*/ 36660 h 43200"/>
                <a:gd name="connsiteX8" fmla="*/ 34129 w 43200"/>
                <a:gd name="connsiteY8" fmla="*/ 22954 h 43200"/>
                <a:gd name="connsiteX9" fmla="*/ 37380 w 43200"/>
                <a:gd name="connsiteY9" fmla="*/ 30090 h 43200"/>
                <a:gd name="connsiteX10" fmla="*/ 41798 w 43200"/>
                <a:gd name="connsiteY10" fmla="*/ 15354 h 43200"/>
                <a:gd name="connsiteX11" fmla="*/ 40350 w 43200"/>
                <a:gd name="connsiteY11" fmla="*/ 18030 h 43200"/>
                <a:gd name="connsiteX12" fmla="*/ 38324 w 43200"/>
                <a:gd name="connsiteY12" fmla="*/ 5426 h 43200"/>
                <a:gd name="connsiteX13" fmla="*/ 38400 w 43200"/>
                <a:gd name="connsiteY13" fmla="*/ 6690 h 43200"/>
                <a:gd name="connsiteX14" fmla="*/ 29078 w 43200"/>
                <a:gd name="connsiteY14" fmla="*/ 3952 h 43200"/>
                <a:gd name="connsiteX15" fmla="*/ 29820 w 43200"/>
                <a:gd name="connsiteY15" fmla="*/ 2340 h 43200"/>
                <a:gd name="connsiteX16" fmla="*/ 22141 w 43200"/>
                <a:gd name="connsiteY16" fmla="*/ 4720 h 43200"/>
                <a:gd name="connsiteX17" fmla="*/ 22500 w 43200"/>
                <a:gd name="connsiteY17" fmla="*/ 3330 h 43200"/>
                <a:gd name="connsiteX18" fmla="*/ 14000 w 43200"/>
                <a:gd name="connsiteY18" fmla="*/ 5192 h 43200"/>
                <a:gd name="connsiteX19" fmla="*/ 15300 w 43200"/>
                <a:gd name="connsiteY19" fmla="*/ 6540 h 43200"/>
                <a:gd name="connsiteX20" fmla="*/ 4127 w 43200"/>
                <a:gd name="connsiteY20" fmla="*/ 15789 h 43200"/>
                <a:gd name="connsiteX21" fmla="*/ 3900 w 43200"/>
                <a:gd name="connsiteY21" fmla="*/ 14370 h 43200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36173 w 43256"/>
                <a:gd name="connsiteY8" fmla="*/ 25158 h 43219"/>
                <a:gd name="connsiteX9" fmla="*/ 37416 w 43256"/>
                <a:gd name="connsiteY9" fmla="*/ 29949 h 43219"/>
                <a:gd name="connsiteX10" fmla="*/ 41834 w 43256"/>
                <a:gd name="connsiteY10" fmla="*/ 15213 h 43219"/>
                <a:gd name="connsiteX11" fmla="*/ 40386 w 43256"/>
                <a:gd name="connsiteY11" fmla="*/ 17889 h 43219"/>
                <a:gd name="connsiteX12" fmla="*/ 38360 w 43256"/>
                <a:gd name="connsiteY12" fmla="*/ 5285 h 43219"/>
                <a:gd name="connsiteX13" fmla="*/ 38436 w 43256"/>
                <a:gd name="connsiteY13" fmla="*/ 6549 h 43219"/>
                <a:gd name="connsiteX14" fmla="*/ 29114 w 43256"/>
                <a:gd name="connsiteY14" fmla="*/ 3811 h 43219"/>
                <a:gd name="connsiteX15" fmla="*/ 29856 w 43256"/>
                <a:gd name="connsiteY15" fmla="*/ 2199 h 43219"/>
                <a:gd name="connsiteX16" fmla="*/ 22177 w 43256"/>
                <a:gd name="connsiteY16" fmla="*/ 4579 h 43219"/>
                <a:gd name="connsiteX17" fmla="*/ 22536 w 43256"/>
                <a:gd name="connsiteY17" fmla="*/ 3189 h 43219"/>
                <a:gd name="connsiteX18" fmla="*/ 14036 w 43256"/>
                <a:gd name="connsiteY18" fmla="*/ 5051 h 43219"/>
                <a:gd name="connsiteX19" fmla="*/ 15336 w 43256"/>
                <a:gd name="connsiteY19" fmla="*/ 6399 h 43219"/>
                <a:gd name="connsiteX20" fmla="*/ 4163 w 43256"/>
                <a:gd name="connsiteY20" fmla="*/ 15648 h 43219"/>
                <a:gd name="connsiteX21" fmla="*/ 3936 w 43256"/>
                <a:gd name="connsiteY21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16514 w 43256"/>
                <a:gd name="connsiteY4" fmla="*/ 38949 h 43219"/>
                <a:gd name="connsiteX5" fmla="*/ 15846 w 43256"/>
                <a:gd name="connsiteY5" fmla="*/ 37209 h 43219"/>
                <a:gd name="connsiteX6" fmla="*/ 28863 w 43256"/>
                <a:gd name="connsiteY6" fmla="*/ 34610 h 43219"/>
                <a:gd name="connsiteX7" fmla="*/ 28596 w 43256"/>
                <a:gd name="connsiteY7" fmla="*/ 36519 h 43219"/>
                <a:gd name="connsiteX8" fmla="*/ 41834 w 43256"/>
                <a:gd name="connsiteY8" fmla="*/ 15213 h 43219"/>
                <a:gd name="connsiteX9" fmla="*/ 40386 w 43256"/>
                <a:gd name="connsiteY9" fmla="*/ 17889 h 43219"/>
                <a:gd name="connsiteX10" fmla="*/ 38360 w 43256"/>
                <a:gd name="connsiteY10" fmla="*/ 5285 h 43219"/>
                <a:gd name="connsiteX11" fmla="*/ 38436 w 43256"/>
                <a:gd name="connsiteY11" fmla="*/ 6549 h 43219"/>
                <a:gd name="connsiteX12" fmla="*/ 29114 w 43256"/>
                <a:gd name="connsiteY12" fmla="*/ 3811 h 43219"/>
                <a:gd name="connsiteX13" fmla="*/ 29856 w 43256"/>
                <a:gd name="connsiteY13" fmla="*/ 2199 h 43219"/>
                <a:gd name="connsiteX14" fmla="*/ 22177 w 43256"/>
                <a:gd name="connsiteY14" fmla="*/ 4579 h 43219"/>
                <a:gd name="connsiteX15" fmla="*/ 22536 w 43256"/>
                <a:gd name="connsiteY15" fmla="*/ 3189 h 43219"/>
                <a:gd name="connsiteX16" fmla="*/ 14036 w 43256"/>
                <a:gd name="connsiteY16" fmla="*/ 5051 h 43219"/>
                <a:gd name="connsiteX17" fmla="*/ 15336 w 43256"/>
                <a:gd name="connsiteY17" fmla="*/ 6399 h 43219"/>
                <a:gd name="connsiteX18" fmla="*/ 4163 w 43256"/>
                <a:gd name="connsiteY18" fmla="*/ 15648 h 43219"/>
                <a:gd name="connsiteX19" fmla="*/ 3936 w 43256"/>
                <a:gd name="connsiteY19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6964 w 43256"/>
                <a:gd name="connsiteY2" fmla="*/ 34758 h 43219"/>
                <a:gd name="connsiteX3" fmla="*/ 5856 w 43256"/>
                <a:gd name="connsiteY3" fmla="*/ 35139 h 43219"/>
                <a:gd name="connsiteX4" fmla="*/ 28863 w 43256"/>
                <a:gd name="connsiteY4" fmla="*/ 34610 h 43219"/>
                <a:gd name="connsiteX5" fmla="*/ 28596 w 43256"/>
                <a:gd name="connsiteY5" fmla="*/ 36519 h 43219"/>
                <a:gd name="connsiteX6" fmla="*/ 41834 w 43256"/>
                <a:gd name="connsiteY6" fmla="*/ 15213 h 43219"/>
                <a:gd name="connsiteX7" fmla="*/ 40386 w 43256"/>
                <a:gd name="connsiteY7" fmla="*/ 17889 h 43219"/>
                <a:gd name="connsiteX8" fmla="*/ 38360 w 43256"/>
                <a:gd name="connsiteY8" fmla="*/ 5285 h 43219"/>
                <a:gd name="connsiteX9" fmla="*/ 38436 w 43256"/>
                <a:gd name="connsiteY9" fmla="*/ 6549 h 43219"/>
                <a:gd name="connsiteX10" fmla="*/ 29114 w 43256"/>
                <a:gd name="connsiteY10" fmla="*/ 3811 h 43219"/>
                <a:gd name="connsiteX11" fmla="*/ 29856 w 43256"/>
                <a:gd name="connsiteY11" fmla="*/ 2199 h 43219"/>
                <a:gd name="connsiteX12" fmla="*/ 22177 w 43256"/>
                <a:gd name="connsiteY12" fmla="*/ 4579 h 43219"/>
                <a:gd name="connsiteX13" fmla="*/ 22536 w 43256"/>
                <a:gd name="connsiteY13" fmla="*/ 3189 h 43219"/>
                <a:gd name="connsiteX14" fmla="*/ 14036 w 43256"/>
                <a:gd name="connsiteY14" fmla="*/ 5051 h 43219"/>
                <a:gd name="connsiteX15" fmla="*/ 15336 w 43256"/>
                <a:gd name="connsiteY15" fmla="*/ 6399 h 43219"/>
                <a:gd name="connsiteX16" fmla="*/ 4163 w 43256"/>
                <a:gd name="connsiteY16" fmla="*/ 15648 h 43219"/>
                <a:gd name="connsiteX17" fmla="*/ 3936 w 43256"/>
                <a:gd name="connsiteY17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4729 w 43256"/>
                <a:gd name="connsiteY0" fmla="*/ 26036 h 43219"/>
                <a:gd name="connsiteX1" fmla="*/ 2196 w 43256"/>
                <a:gd name="connsiteY1" fmla="*/ 25239 h 43219"/>
                <a:gd name="connsiteX2" fmla="*/ 28863 w 43256"/>
                <a:gd name="connsiteY2" fmla="*/ 34610 h 43219"/>
                <a:gd name="connsiteX3" fmla="*/ 28596 w 43256"/>
                <a:gd name="connsiteY3" fmla="*/ 36519 h 43219"/>
                <a:gd name="connsiteX4" fmla="*/ 41834 w 43256"/>
                <a:gd name="connsiteY4" fmla="*/ 15213 h 43219"/>
                <a:gd name="connsiteX5" fmla="*/ 40386 w 43256"/>
                <a:gd name="connsiteY5" fmla="*/ 17889 h 43219"/>
                <a:gd name="connsiteX6" fmla="*/ 38360 w 43256"/>
                <a:gd name="connsiteY6" fmla="*/ 5285 h 43219"/>
                <a:gd name="connsiteX7" fmla="*/ 38436 w 43256"/>
                <a:gd name="connsiteY7" fmla="*/ 6549 h 43219"/>
                <a:gd name="connsiteX8" fmla="*/ 29114 w 43256"/>
                <a:gd name="connsiteY8" fmla="*/ 3811 h 43219"/>
                <a:gd name="connsiteX9" fmla="*/ 29856 w 43256"/>
                <a:gd name="connsiteY9" fmla="*/ 2199 h 43219"/>
                <a:gd name="connsiteX10" fmla="*/ 22177 w 43256"/>
                <a:gd name="connsiteY10" fmla="*/ 4579 h 43219"/>
                <a:gd name="connsiteX11" fmla="*/ 22536 w 43256"/>
                <a:gd name="connsiteY11" fmla="*/ 3189 h 43219"/>
                <a:gd name="connsiteX12" fmla="*/ 14036 w 43256"/>
                <a:gd name="connsiteY12" fmla="*/ 5051 h 43219"/>
                <a:gd name="connsiteX13" fmla="*/ 15336 w 43256"/>
                <a:gd name="connsiteY13" fmla="*/ 6399 h 43219"/>
                <a:gd name="connsiteX14" fmla="*/ 4163 w 43256"/>
                <a:gd name="connsiteY14" fmla="*/ 15648 h 43219"/>
                <a:gd name="connsiteX15" fmla="*/ 3936 w 43256"/>
                <a:gd name="connsiteY15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12" fmla="*/ 4163 w 43256"/>
                <a:gd name="connsiteY12" fmla="*/ 15648 h 43219"/>
                <a:gd name="connsiteX13" fmla="*/ 3936 w 43256"/>
                <a:gd name="connsiteY13" fmla="*/ 1422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10" fmla="*/ 14036 w 43256"/>
                <a:gd name="connsiteY10" fmla="*/ 5051 h 43219"/>
                <a:gd name="connsiteX11" fmla="*/ 15336 w 43256"/>
                <a:gd name="connsiteY11" fmla="*/ 63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8" fmla="*/ 22177 w 43256"/>
                <a:gd name="connsiteY8" fmla="*/ 4579 h 43219"/>
                <a:gd name="connsiteX9" fmla="*/ 22536 w 43256"/>
                <a:gd name="connsiteY9" fmla="*/ 31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6" fmla="*/ 29114 w 43256"/>
                <a:gd name="connsiteY6" fmla="*/ 3811 h 43219"/>
                <a:gd name="connsiteX7" fmla="*/ 29856 w 43256"/>
                <a:gd name="connsiteY7" fmla="*/ 219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4" fmla="*/ 38360 w 43256"/>
                <a:gd name="connsiteY4" fmla="*/ 5285 h 43219"/>
                <a:gd name="connsiteX5" fmla="*/ 38436 w 43256"/>
                <a:gd name="connsiteY5" fmla="*/ 654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2" fmla="*/ 41834 w 43256"/>
                <a:gd name="connsiteY2" fmla="*/ 15213 h 43219"/>
                <a:gd name="connsiteX3" fmla="*/ 40386 w 43256"/>
                <a:gd name="connsiteY3" fmla="*/ 1788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863 w 43256"/>
                <a:gd name="connsiteY0" fmla="*/ 34610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45 w 43256"/>
                <a:gd name="connsiteY0" fmla="*/ 34309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734 w 43256"/>
                <a:gd name="connsiteY0" fmla="*/ 35017 h 43219"/>
                <a:gd name="connsiteX1" fmla="*/ 28596 w 43256"/>
                <a:gd name="connsiteY1" fmla="*/ 36519 h 43219"/>
                <a:gd name="connsiteX0" fmla="*/ 3936 w 43256"/>
                <a:gd name="connsiteY0" fmla="*/ 14229 h 43219"/>
                <a:gd name="connsiteX1" fmla="*/ 5659 w 43256"/>
                <a:gd name="connsiteY1" fmla="*/ 6766 h 43219"/>
                <a:gd name="connsiteX2" fmla="*/ 14041 w 43256"/>
                <a:gd name="connsiteY2" fmla="*/ 5061 h 43219"/>
                <a:gd name="connsiteX3" fmla="*/ 22492 w 43256"/>
                <a:gd name="connsiteY3" fmla="*/ 3291 h 43219"/>
                <a:gd name="connsiteX4" fmla="*/ 25785 w 43256"/>
                <a:gd name="connsiteY4" fmla="*/ 59 h 43219"/>
                <a:gd name="connsiteX5" fmla="*/ 29869 w 43256"/>
                <a:gd name="connsiteY5" fmla="*/ 2340 h 43219"/>
                <a:gd name="connsiteX6" fmla="*/ 35499 w 43256"/>
                <a:gd name="connsiteY6" fmla="*/ 549 h 43219"/>
                <a:gd name="connsiteX7" fmla="*/ 38354 w 43256"/>
                <a:gd name="connsiteY7" fmla="*/ 5435 h 43219"/>
                <a:gd name="connsiteX8" fmla="*/ 42018 w 43256"/>
                <a:gd name="connsiteY8" fmla="*/ 10177 h 43219"/>
                <a:gd name="connsiteX9" fmla="*/ 41854 w 43256"/>
                <a:gd name="connsiteY9" fmla="*/ 15319 h 43219"/>
                <a:gd name="connsiteX10" fmla="*/ 43052 w 43256"/>
                <a:gd name="connsiteY10" fmla="*/ 23181 h 43219"/>
                <a:gd name="connsiteX11" fmla="*/ 37440 w 43256"/>
                <a:gd name="connsiteY11" fmla="*/ 30063 h 43219"/>
                <a:gd name="connsiteX12" fmla="*/ 35431 w 43256"/>
                <a:gd name="connsiteY12" fmla="*/ 35960 h 43219"/>
                <a:gd name="connsiteX13" fmla="*/ 28591 w 43256"/>
                <a:gd name="connsiteY13" fmla="*/ 36674 h 43219"/>
                <a:gd name="connsiteX14" fmla="*/ 23703 w 43256"/>
                <a:gd name="connsiteY14" fmla="*/ 42965 h 43219"/>
                <a:gd name="connsiteX15" fmla="*/ 16516 w 43256"/>
                <a:gd name="connsiteY15" fmla="*/ 39125 h 43219"/>
                <a:gd name="connsiteX16" fmla="*/ 5840 w 43256"/>
                <a:gd name="connsiteY16" fmla="*/ 35331 h 43219"/>
                <a:gd name="connsiteX17" fmla="*/ 1146 w 43256"/>
                <a:gd name="connsiteY17" fmla="*/ 31109 h 43219"/>
                <a:gd name="connsiteX18" fmla="*/ 2149 w 43256"/>
                <a:gd name="connsiteY18" fmla="*/ 25410 h 43219"/>
                <a:gd name="connsiteX19" fmla="*/ 31 w 43256"/>
                <a:gd name="connsiteY19" fmla="*/ 19563 h 43219"/>
                <a:gd name="connsiteX20" fmla="*/ 3899 w 43256"/>
                <a:gd name="connsiteY20" fmla="*/ 14366 h 43219"/>
                <a:gd name="connsiteX21" fmla="*/ 3936 w 43256"/>
                <a:gd name="connsiteY21" fmla="*/ 14229 h 43219"/>
                <a:gd name="connsiteX0" fmla="*/ 28619 w 43256"/>
                <a:gd name="connsiteY0" fmla="*/ 36455 h 43219"/>
                <a:gd name="connsiteX1" fmla="*/ 28596 w 43256"/>
                <a:gd name="connsiteY1" fmla="*/ 36519 h 43219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43256" h="43219">
                  <a:moveTo>
                    <a:pt x="3936" y="14229"/>
                  </a:moveTo>
                  <a:cubicBezTo>
                    <a:pt x="3665" y="11516"/>
                    <a:pt x="4297" y="8780"/>
                    <a:pt x="5659" y="6766"/>
                  </a:cubicBezTo>
                  <a:cubicBezTo>
                    <a:pt x="7811" y="3585"/>
                    <a:pt x="11300" y="2876"/>
                    <a:pt x="14041" y="5061"/>
                  </a:cubicBezTo>
                  <a:cubicBezTo>
                    <a:pt x="15714" y="768"/>
                    <a:pt x="19950" y="-119"/>
                    <a:pt x="22492" y="3291"/>
                  </a:cubicBezTo>
                  <a:cubicBezTo>
                    <a:pt x="23133" y="1542"/>
                    <a:pt x="24364" y="333"/>
                    <a:pt x="25785" y="59"/>
                  </a:cubicBezTo>
                  <a:cubicBezTo>
                    <a:pt x="27349" y="-243"/>
                    <a:pt x="28911" y="629"/>
                    <a:pt x="29869" y="2340"/>
                  </a:cubicBezTo>
                  <a:cubicBezTo>
                    <a:pt x="31251" y="126"/>
                    <a:pt x="33537" y="-601"/>
                    <a:pt x="35499" y="549"/>
                  </a:cubicBezTo>
                  <a:cubicBezTo>
                    <a:pt x="36994" y="1425"/>
                    <a:pt x="38066" y="3259"/>
                    <a:pt x="38354" y="5435"/>
                  </a:cubicBezTo>
                  <a:cubicBezTo>
                    <a:pt x="40082" y="6077"/>
                    <a:pt x="41458" y="7857"/>
                    <a:pt x="42018" y="10177"/>
                  </a:cubicBezTo>
                  <a:cubicBezTo>
                    <a:pt x="42425" y="11861"/>
                    <a:pt x="42367" y="13690"/>
                    <a:pt x="41854" y="15319"/>
                  </a:cubicBezTo>
                  <a:cubicBezTo>
                    <a:pt x="43115" y="17553"/>
                    <a:pt x="43556" y="20449"/>
                    <a:pt x="43052" y="23181"/>
                  </a:cubicBezTo>
                  <a:cubicBezTo>
                    <a:pt x="42382" y="26813"/>
                    <a:pt x="40164" y="29533"/>
                    <a:pt x="37440" y="30063"/>
                  </a:cubicBezTo>
                  <a:cubicBezTo>
                    <a:pt x="37427" y="32330"/>
                    <a:pt x="36694" y="34480"/>
                    <a:pt x="35431" y="35960"/>
                  </a:cubicBezTo>
                  <a:cubicBezTo>
                    <a:pt x="33512" y="38209"/>
                    <a:pt x="30740" y="38498"/>
                    <a:pt x="28591" y="36674"/>
                  </a:cubicBezTo>
                  <a:cubicBezTo>
                    <a:pt x="27896" y="39807"/>
                    <a:pt x="26035" y="42202"/>
                    <a:pt x="23703" y="42965"/>
                  </a:cubicBezTo>
                  <a:cubicBezTo>
                    <a:pt x="20955" y="43864"/>
                    <a:pt x="18087" y="42332"/>
                    <a:pt x="16516" y="39125"/>
                  </a:cubicBezTo>
                  <a:cubicBezTo>
                    <a:pt x="12808" y="42169"/>
                    <a:pt x="7992" y="40458"/>
                    <a:pt x="5840" y="35331"/>
                  </a:cubicBezTo>
                  <a:cubicBezTo>
                    <a:pt x="3726" y="35668"/>
                    <a:pt x="1741" y="33883"/>
                    <a:pt x="1146" y="31109"/>
                  </a:cubicBezTo>
                  <a:cubicBezTo>
                    <a:pt x="715" y="29102"/>
                    <a:pt x="1096" y="26936"/>
                    <a:pt x="2149" y="25410"/>
                  </a:cubicBezTo>
                  <a:cubicBezTo>
                    <a:pt x="655" y="24213"/>
                    <a:pt x="-177" y="21916"/>
                    <a:pt x="31" y="19563"/>
                  </a:cubicBezTo>
                  <a:cubicBezTo>
                    <a:pt x="275" y="16808"/>
                    <a:pt x="1881" y="14650"/>
                    <a:pt x="3899" y="14366"/>
                  </a:cubicBezTo>
                  <a:cubicBezTo>
                    <a:pt x="3911" y="14320"/>
                    <a:pt x="3924" y="14275"/>
                    <a:pt x="3936" y="14229"/>
                  </a:cubicBezTo>
                  <a:close/>
                </a:path>
                <a:path w="43256" h="43219" fill="none" extrusionOk="0">
                  <a:moveTo>
                    <a:pt x="28619" y="36455"/>
                  </a:moveTo>
                  <a:cubicBezTo>
                    <a:pt x="28580" y="37102"/>
                    <a:pt x="28734" y="35897"/>
                    <a:pt x="28596" y="36519"/>
                  </a:cubicBezTo>
                </a:path>
              </a:pathLst>
            </a:custGeom>
            <a:ln/>
          </p:spPr>
          <p:style>
            <a:lnRef idx="1">
              <a:schemeClr val="accent2"/>
            </a:lnRef>
            <a:fillRef idx="3">
              <a:schemeClr val="accent2"/>
            </a:fillRef>
            <a:effectRef idx="2">
              <a:schemeClr val="accent2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ja-JP" altLang="en-US">
                <a:solidFill>
                  <a:schemeClr val="dk1"/>
                </a:solidFill>
              </a:endParaRPr>
            </a:p>
          </p:txBody>
        </p:sp>
        <p:sp>
          <p:nvSpPr>
            <p:cNvPr id="19" name="正方形/長方形 18"/>
            <p:cNvSpPr/>
            <p:nvPr/>
          </p:nvSpPr>
          <p:spPr>
            <a:xfrm rot="15777">
              <a:off x="622655" y="4846258"/>
              <a:ext cx="4572000" cy="1680688"/>
            </a:xfrm>
            <a:prstGeom prst="rect">
              <a:avLst/>
            </a:prstGeom>
          </p:spPr>
          <p:txBody>
            <a:bodyPr>
              <a:spAutoFit/>
            </a:bodyPr>
            <a:lstStyle/>
            <a:p>
              <a:pPr lvl="0" algn="ctr">
                <a:spcAft>
                  <a:spcPts val="1200"/>
                </a:spcAft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まわりに迷惑を</a:t>
              </a:r>
              <a:br>
                <a:rPr kumimoji="0" lang="en-US" altLang="ja-JP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</a:b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かけず、ルールのなかで</a:t>
              </a:r>
              <a:endParaRPr kumimoji="0" lang="en-US" altLang="ja-JP" sz="3200" kern="0" dirty="0">
                <a:solidFill>
                  <a:prstClr val="white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Meiryo UI" panose="020B0604030504040204" pitchFamily="50" charset="-128"/>
              </a:endParaRPr>
            </a:p>
            <a:p>
              <a:pPr lvl="0" algn="ctr">
                <a:spcAft>
                  <a:spcPts val="1200"/>
                </a:spcAft>
                <a:defRPr/>
              </a:pPr>
              <a:r>
                <a:rPr kumimoji="0" lang="ja-JP" altLang="en-US" sz="3200" kern="0" dirty="0">
                  <a:solidFill>
                    <a:prstClr val="white"/>
                  </a:solidFill>
                  <a:latin typeface="メイリオ" panose="020B0604030504040204" pitchFamily="50" charset="-128"/>
                  <a:ea typeface="メイリオ" panose="020B0604030504040204" pitchFamily="50" charset="-128"/>
                  <a:cs typeface="Meiryo UI" panose="020B0604030504040204" pitchFamily="50" charset="-128"/>
                </a:rPr>
                <a:t>楽しもう！</a:t>
              </a:r>
            </a:p>
          </p:txBody>
        </p:sp>
      </p:grpSp>
      <p:sp>
        <p:nvSpPr>
          <p:cNvPr id="10" name="テキスト ボックス 9">
            <a:extLst>
              <a:ext uri="{FF2B5EF4-FFF2-40B4-BE49-F238E27FC236}">
                <a16:creationId xmlns:a16="http://schemas.microsoft.com/office/drawing/2014/main" id="{0CB86D84-EC11-4755-8597-D81CEFB65E92}"/>
              </a:ext>
            </a:extLst>
          </p:cNvPr>
          <p:cNvSpPr txBox="1"/>
          <p:nvPr/>
        </p:nvSpPr>
        <p:spPr>
          <a:xfrm>
            <a:off x="453945" y="1806970"/>
            <a:ext cx="8236110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各家庭でのルールを尊重してゲームを楽しむようにする。</a:t>
            </a:r>
          </a:p>
        </p:txBody>
      </p:sp>
      <p:sp>
        <p:nvSpPr>
          <p:cNvPr id="12" name="テキスト ボックス 11">
            <a:extLst>
              <a:ext uri="{FF2B5EF4-FFF2-40B4-BE49-F238E27FC236}">
                <a16:creationId xmlns:a16="http://schemas.microsoft.com/office/drawing/2014/main" id="{E4B820B9-3BB7-4B01-8E17-2F3535F69633}"/>
              </a:ext>
            </a:extLst>
          </p:cNvPr>
          <p:cNvSpPr txBox="1"/>
          <p:nvPr/>
        </p:nvSpPr>
        <p:spPr>
          <a:xfrm>
            <a:off x="453945" y="2315746"/>
            <a:ext cx="8236110" cy="10823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342900" indent="-342900">
              <a:lnSpc>
                <a:spcPts val="4000"/>
              </a:lnSpc>
              <a:buFont typeface="Arial" panose="020B0604020202020204" pitchFamily="34" charset="0"/>
              <a:buChar char="•"/>
            </a:pP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ゲーム内容によっては過激な発言がでたり、興奮して</a:t>
            </a:r>
            <a:br>
              <a:rPr lang="en-US" altLang="ja-JP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</a:br>
            <a:r>
              <a:rPr lang="ja-JP" altLang="en-US" sz="2400" b="1" dirty="0">
                <a:solidFill>
                  <a:srgbClr val="483700"/>
                </a:solidFill>
                <a:latin typeface="メイリオ" panose="020B0604030504040204" pitchFamily="50" charset="-128"/>
                <a:ea typeface="メイリオ" panose="020B0604030504040204" pitchFamily="50" charset="-128"/>
                <a:cs typeface="メイリオ" panose="020B0604030504040204" pitchFamily="50" charset="-128"/>
              </a:rPr>
              <a:t>大声になったりする可能性がある。</a:t>
            </a:r>
          </a:p>
        </p:txBody>
      </p:sp>
      <p:pic>
        <p:nvPicPr>
          <p:cNvPr id="13" name="図 12">
            <a:extLst>
              <a:ext uri="{FF2B5EF4-FFF2-40B4-BE49-F238E27FC236}">
                <a16:creationId xmlns:a16="http://schemas.microsoft.com/office/drawing/2014/main" id="{0B298072-D3C3-42E1-A8DB-FA9A98C67CCD}"/>
              </a:ext>
            </a:extLst>
          </p:cNvPr>
          <p:cNvPicPr>
            <a:picLocks noChangeAspect="1"/>
          </p:cNvPicPr>
          <p:nvPr/>
        </p:nvPicPr>
        <p:blipFill rotWithShape="1"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2435" t="57999"/>
          <a:stretch/>
        </p:blipFill>
        <p:spPr>
          <a:xfrm>
            <a:off x="5211048" y="3547979"/>
            <a:ext cx="3749465" cy="3310842"/>
          </a:xfrm>
          <a:prstGeom prst="rect">
            <a:avLst/>
          </a:prstGeo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</p:pic>
      <p:grpSp>
        <p:nvGrpSpPr>
          <p:cNvPr id="14" name="グループ化 13">
            <a:extLst>
              <a:ext uri="{FF2B5EF4-FFF2-40B4-BE49-F238E27FC236}">
                <a16:creationId xmlns:a16="http://schemas.microsoft.com/office/drawing/2014/main" id="{E288A2E1-36AC-4CDC-8AAA-EBB83C976369}"/>
              </a:ext>
            </a:extLst>
          </p:cNvPr>
          <p:cNvGrpSpPr/>
          <p:nvPr/>
        </p:nvGrpSpPr>
        <p:grpSpPr>
          <a:xfrm>
            <a:off x="7231220" y="3103038"/>
            <a:ext cx="1311114" cy="1311114"/>
            <a:chOff x="-945390" y="2903530"/>
            <a:chExt cx="1311114" cy="1311114"/>
          </a:xfrm>
        </p:grpSpPr>
        <p:sp>
          <p:nvSpPr>
            <p:cNvPr id="17" name="円/楕円 42">
              <a:extLst>
                <a:ext uri="{FF2B5EF4-FFF2-40B4-BE49-F238E27FC236}">
                  <a16:creationId xmlns:a16="http://schemas.microsoft.com/office/drawing/2014/main" id="{342BFADE-2983-4483-B7AD-9812F7B18CAE}"/>
                </a:ext>
              </a:extLst>
            </p:cNvPr>
            <p:cNvSpPr/>
            <p:nvPr/>
          </p:nvSpPr>
          <p:spPr>
            <a:xfrm>
              <a:off x="-945390" y="2903530"/>
              <a:ext cx="1311114" cy="1311114"/>
            </a:xfrm>
            <a:prstGeom prst="ellipse">
              <a:avLst/>
            </a:prstGeom>
            <a:solidFill>
              <a:schemeClr val="bg1"/>
            </a:solidFill>
            <a:ln w="76200">
              <a:solidFill>
                <a:srgbClr val="0093E3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20" name="二等辺三角形 10">
              <a:extLst>
                <a:ext uri="{FF2B5EF4-FFF2-40B4-BE49-F238E27FC236}">
                  <a16:creationId xmlns:a16="http://schemas.microsoft.com/office/drawing/2014/main" id="{0BDAF601-9A12-4113-AAD1-B862B938D59D}"/>
                </a:ext>
              </a:extLst>
            </p:cNvPr>
            <p:cNvSpPr/>
            <p:nvPr/>
          </p:nvSpPr>
          <p:spPr>
            <a:xfrm rot="1761164">
              <a:off x="-547843" y="3486637"/>
              <a:ext cx="358319" cy="357632"/>
            </a:xfrm>
            <a:custGeom>
              <a:avLst/>
              <a:gdLst>
                <a:gd name="connsiteX0" fmla="*/ 0 w 211536"/>
                <a:gd name="connsiteY0" fmla="*/ 330505 h 330505"/>
                <a:gd name="connsiteX1" fmla="*/ 105768 w 211536"/>
                <a:gd name="connsiteY1" fmla="*/ 0 h 330505"/>
                <a:gd name="connsiteX2" fmla="*/ 211536 w 211536"/>
                <a:gd name="connsiteY2" fmla="*/ 330505 h 330505"/>
                <a:gd name="connsiteX3" fmla="*/ 0 w 211536"/>
                <a:gd name="connsiteY3" fmla="*/ 330505 h 330505"/>
                <a:gd name="connsiteX0" fmla="*/ 0 w 211536"/>
                <a:gd name="connsiteY0" fmla="*/ 330505 h 346711"/>
                <a:gd name="connsiteX1" fmla="*/ 105768 w 211536"/>
                <a:gd name="connsiteY1" fmla="*/ 0 h 346711"/>
                <a:gd name="connsiteX2" fmla="*/ 211536 w 211536"/>
                <a:gd name="connsiteY2" fmla="*/ 330505 h 346711"/>
                <a:gd name="connsiteX3" fmla="*/ 0 w 211536"/>
                <a:gd name="connsiteY3" fmla="*/ 330505 h 346711"/>
                <a:gd name="connsiteX0" fmla="*/ 0 w 211536"/>
                <a:gd name="connsiteY0" fmla="*/ 330505 h 347957"/>
                <a:gd name="connsiteX1" fmla="*/ 105768 w 211536"/>
                <a:gd name="connsiteY1" fmla="*/ 0 h 347957"/>
                <a:gd name="connsiteX2" fmla="*/ 211536 w 211536"/>
                <a:gd name="connsiteY2" fmla="*/ 330505 h 347957"/>
                <a:gd name="connsiteX3" fmla="*/ 0 w 211536"/>
                <a:gd name="connsiteY3" fmla="*/ 330505 h 347957"/>
                <a:gd name="connsiteX0" fmla="*/ 0 w 211536"/>
                <a:gd name="connsiteY0" fmla="*/ 330505 h 357893"/>
                <a:gd name="connsiteX1" fmla="*/ 105768 w 211536"/>
                <a:gd name="connsiteY1" fmla="*/ 0 h 357893"/>
                <a:gd name="connsiteX2" fmla="*/ 211536 w 211536"/>
                <a:gd name="connsiteY2" fmla="*/ 330505 h 357893"/>
                <a:gd name="connsiteX3" fmla="*/ 0 w 211536"/>
                <a:gd name="connsiteY3" fmla="*/ 330505 h 357893"/>
                <a:gd name="connsiteX0" fmla="*/ 0 w 211536"/>
                <a:gd name="connsiteY0" fmla="*/ 330505 h 359956"/>
                <a:gd name="connsiteX1" fmla="*/ 105768 w 211536"/>
                <a:gd name="connsiteY1" fmla="*/ 0 h 359956"/>
                <a:gd name="connsiteX2" fmla="*/ 211536 w 211536"/>
                <a:gd name="connsiteY2" fmla="*/ 330505 h 359956"/>
                <a:gd name="connsiteX3" fmla="*/ 0 w 211536"/>
                <a:gd name="connsiteY3" fmla="*/ 330505 h 359956"/>
                <a:gd name="connsiteX0" fmla="*/ 0 w 211536"/>
                <a:gd name="connsiteY0" fmla="*/ 330505 h 359956"/>
                <a:gd name="connsiteX1" fmla="*/ 105768 w 211536"/>
                <a:gd name="connsiteY1" fmla="*/ 0 h 359956"/>
                <a:gd name="connsiteX2" fmla="*/ 211536 w 211536"/>
                <a:gd name="connsiteY2" fmla="*/ 330505 h 359956"/>
                <a:gd name="connsiteX3" fmla="*/ 0 w 211536"/>
                <a:gd name="connsiteY3" fmla="*/ 330505 h 35995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</a:cxnLst>
              <a:rect l="l" t="t" r="r" b="b"/>
              <a:pathLst>
                <a:path w="211536" h="359956">
                  <a:moveTo>
                    <a:pt x="0" y="330505"/>
                  </a:moveTo>
                  <a:lnTo>
                    <a:pt x="105768" y="0"/>
                  </a:lnTo>
                  <a:lnTo>
                    <a:pt x="211536" y="330505"/>
                  </a:lnTo>
                  <a:cubicBezTo>
                    <a:pt x="138219" y="369774"/>
                    <a:pt x="53683" y="369774"/>
                    <a:pt x="0" y="330505"/>
                  </a:cubicBezTo>
                  <a:close/>
                </a:path>
              </a:pathLst>
            </a:custGeom>
            <a:solidFill>
              <a:srgbClr val="00B0F0">
                <a:alpha val="60000"/>
              </a:srgbClr>
            </a:solidFill>
            <a:ln>
              <a:noFill/>
            </a:ln>
            <a:scene3d>
              <a:camera prst="orthographicFront">
                <a:rot lat="0" lon="0" rev="0"/>
              </a:camera>
              <a:lightRig rig="threePt" dir="t"/>
            </a:scene3d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en-US" dirty="0">
                <a:solidFill>
                  <a:schemeClr val="tx1"/>
                </a:solidFill>
              </a:endParaRPr>
            </a:p>
          </p:txBody>
        </p:sp>
        <p:sp>
          <p:nvSpPr>
            <p:cNvPr id="21" name="テキスト ボックス 20">
              <a:extLst>
                <a:ext uri="{FF2B5EF4-FFF2-40B4-BE49-F238E27FC236}">
                  <a16:creationId xmlns:a16="http://schemas.microsoft.com/office/drawing/2014/main" id="{8D96DAA4-0143-4D7E-BB4D-2254BC87BA8C}"/>
                </a:ext>
              </a:extLst>
            </p:cNvPr>
            <p:cNvSpPr txBox="1"/>
            <p:nvPr/>
          </p:nvSpPr>
          <p:spPr>
            <a:xfrm>
              <a:off x="-454795" y="2929036"/>
              <a:ext cx="329925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2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2" name="テキスト ボックス 21">
              <a:extLst>
                <a:ext uri="{FF2B5EF4-FFF2-40B4-BE49-F238E27FC236}">
                  <a16:creationId xmlns:a16="http://schemas.microsoft.com/office/drawing/2014/main" id="{44EFB6C5-C6DC-4D51-BC23-40AF0FDC5AAE}"/>
                </a:ext>
              </a:extLst>
            </p:cNvPr>
            <p:cNvSpPr txBox="1"/>
            <p:nvPr/>
          </p:nvSpPr>
          <p:spPr>
            <a:xfrm>
              <a:off x="-412713" y="3972250"/>
              <a:ext cx="245760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6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3" name="テキスト ボックス 22">
              <a:extLst>
                <a:ext uri="{FF2B5EF4-FFF2-40B4-BE49-F238E27FC236}">
                  <a16:creationId xmlns:a16="http://schemas.microsoft.com/office/drawing/2014/main" id="{4FF1296E-AD59-4765-B6E9-72F139EB728E}"/>
                </a:ext>
              </a:extLst>
            </p:cNvPr>
            <p:cNvSpPr txBox="1"/>
            <p:nvPr/>
          </p:nvSpPr>
          <p:spPr>
            <a:xfrm>
              <a:off x="99206" y="3437889"/>
              <a:ext cx="245760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3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4" name="テキスト ボックス 23">
              <a:extLst>
                <a:ext uri="{FF2B5EF4-FFF2-40B4-BE49-F238E27FC236}">
                  <a16:creationId xmlns:a16="http://schemas.microsoft.com/office/drawing/2014/main" id="{0F223790-B849-485C-BA63-06813E7368CE}"/>
                </a:ext>
              </a:extLst>
            </p:cNvPr>
            <p:cNvSpPr txBox="1"/>
            <p:nvPr/>
          </p:nvSpPr>
          <p:spPr>
            <a:xfrm>
              <a:off x="-945390" y="3437889"/>
              <a:ext cx="245760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9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5" name="テキスト ボックス 24">
              <a:extLst>
                <a:ext uri="{FF2B5EF4-FFF2-40B4-BE49-F238E27FC236}">
                  <a16:creationId xmlns:a16="http://schemas.microsoft.com/office/drawing/2014/main" id="{AB676893-194A-4094-845E-8A3D9DAE94B6}"/>
                </a:ext>
              </a:extLst>
            </p:cNvPr>
            <p:cNvSpPr txBox="1"/>
            <p:nvPr/>
          </p:nvSpPr>
          <p:spPr>
            <a:xfrm>
              <a:off x="40136" y="3685614"/>
              <a:ext cx="245760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4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6" name="テキスト ボックス 25">
              <a:extLst>
                <a:ext uri="{FF2B5EF4-FFF2-40B4-BE49-F238E27FC236}">
                  <a16:creationId xmlns:a16="http://schemas.microsoft.com/office/drawing/2014/main" id="{C3C9CE4F-6099-42D7-8012-02103DC827BA}"/>
                </a:ext>
              </a:extLst>
            </p:cNvPr>
            <p:cNvSpPr txBox="1"/>
            <p:nvPr/>
          </p:nvSpPr>
          <p:spPr>
            <a:xfrm>
              <a:off x="-124871" y="3901891"/>
              <a:ext cx="245760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5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7" name="テキスト ボックス 26">
              <a:extLst>
                <a:ext uri="{FF2B5EF4-FFF2-40B4-BE49-F238E27FC236}">
                  <a16:creationId xmlns:a16="http://schemas.microsoft.com/office/drawing/2014/main" id="{0C98DBFE-B674-4058-91E0-43DC5AE5A28B}"/>
                </a:ext>
              </a:extLst>
            </p:cNvPr>
            <p:cNvSpPr txBox="1"/>
            <p:nvPr/>
          </p:nvSpPr>
          <p:spPr>
            <a:xfrm>
              <a:off x="40136" y="3204848"/>
              <a:ext cx="245760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2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8" name="テキスト ボックス 27">
              <a:extLst>
                <a:ext uri="{FF2B5EF4-FFF2-40B4-BE49-F238E27FC236}">
                  <a16:creationId xmlns:a16="http://schemas.microsoft.com/office/drawing/2014/main" id="{29E211A8-1D9A-4322-A809-5299452F5A5B}"/>
                </a:ext>
              </a:extLst>
            </p:cNvPr>
            <p:cNvSpPr txBox="1"/>
            <p:nvPr/>
          </p:nvSpPr>
          <p:spPr>
            <a:xfrm>
              <a:off x="-146554" y="2997202"/>
              <a:ext cx="245760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29" name="テキスト ボックス 28">
              <a:extLst>
                <a:ext uri="{FF2B5EF4-FFF2-40B4-BE49-F238E27FC236}">
                  <a16:creationId xmlns:a16="http://schemas.microsoft.com/office/drawing/2014/main" id="{0040C4FA-D220-4E8B-8871-DCD8ABF0FE71}"/>
                </a:ext>
              </a:extLst>
            </p:cNvPr>
            <p:cNvSpPr txBox="1"/>
            <p:nvPr/>
          </p:nvSpPr>
          <p:spPr>
            <a:xfrm>
              <a:off x="-684887" y="3874288"/>
              <a:ext cx="245760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7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0" name="テキスト ボックス 29">
              <a:extLst>
                <a:ext uri="{FF2B5EF4-FFF2-40B4-BE49-F238E27FC236}">
                  <a16:creationId xmlns:a16="http://schemas.microsoft.com/office/drawing/2014/main" id="{FB8FFE3B-B513-4E43-9AF6-7C1D470BC066}"/>
                </a:ext>
              </a:extLst>
            </p:cNvPr>
            <p:cNvSpPr txBox="1"/>
            <p:nvPr/>
          </p:nvSpPr>
          <p:spPr>
            <a:xfrm>
              <a:off x="-891932" y="3203294"/>
              <a:ext cx="329925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0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1" name="テキスト ボックス 30">
              <a:extLst>
                <a:ext uri="{FF2B5EF4-FFF2-40B4-BE49-F238E27FC236}">
                  <a16:creationId xmlns:a16="http://schemas.microsoft.com/office/drawing/2014/main" id="{EA42B1F8-AC41-459A-8432-6E1C5A9EC4EF}"/>
                </a:ext>
              </a:extLst>
            </p:cNvPr>
            <p:cNvSpPr txBox="1"/>
            <p:nvPr/>
          </p:nvSpPr>
          <p:spPr>
            <a:xfrm>
              <a:off x="-725547" y="3011140"/>
              <a:ext cx="329925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11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2" name="テキスト ボックス 31">
              <a:extLst>
                <a:ext uri="{FF2B5EF4-FFF2-40B4-BE49-F238E27FC236}">
                  <a16:creationId xmlns:a16="http://schemas.microsoft.com/office/drawing/2014/main" id="{F035E798-EFB1-4A34-9740-366167FECBA1}"/>
                </a:ext>
              </a:extLst>
            </p:cNvPr>
            <p:cNvSpPr txBox="1"/>
            <p:nvPr/>
          </p:nvSpPr>
          <p:spPr>
            <a:xfrm>
              <a:off x="-886141" y="3685614"/>
              <a:ext cx="245760" cy="242394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kumimoji="1" lang="en-US" altLang="ja-JP" sz="1200" dirty="0">
                  <a:latin typeface="メイリオ" panose="020B0604030504040204" pitchFamily="50" charset="-128"/>
                  <a:ea typeface="メイリオ" panose="020B0604030504040204" pitchFamily="50" charset="-128"/>
                </a:rPr>
                <a:t>8</a:t>
              </a:r>
              <a:endParaRPr kumimoji="1" lang="ja-JP" altLang="en-US" sz="1200" dirty="0">
                <a:latin typeface="メイリオ" panose="020B0604030504040204" pitchFamily="50" charset="-128"/>
                <a:ea typeface="メイリオ" panose="020B0604030504040204" pitchFamily="50" charset="-128"/>
              </a:endParaRPr>
            </a:p>
          </p:txBody>
        </p:sp>
        <p:sp>
          <p:nvSpPr>
            <p:cNvPr id="33" name="フリーフォーム 102">
              <a:extLst>
                <a:ext uri="{FF2B5EF4-FFF2-40B4-BE49-F238E27FC236}">
                  <a16:creationId xmlns:a16="http://schemas.microsoft.com/office/drawing/2014/main" id="{E76AF12F-42A2-4C19-858A-26A4AA1F9772}"/>
                </a:ext>
              </a:extLst>
            </p:cNvPr>
            <p:cNvSpPr/>
            <p:nvPr/>
          </p:nvSpPr>
          <p:spPr>
            <a:xfrm>
              <a:off x="-302371" y="3111212"/>
              <a:ext cx="40007" cy="412047"/>
            </a:xfrm>
            <a:custGeom>
              <a:avLst/>
              <a:gdLst>
                <a:gd name="connsiteX0" fmla="*/ 9189 w 78114"/>
                <a:gd name="connsiteY0" fmla="*/ 0 h 399763"/>
                <a:gd name="connsiteX1" fmla="*/ 59734 w 78114"/>
                <a:gd name="connsiteY1" fmla="*/ 0 h 399763"/>
                <a:gd name="connsiteX2" fmla="*/ 78114 w 78114"/>
                <a:gd name="connsiteY2" fmla="*/ 399763 h 399763"/>
                <a:gd name="connsiteX3" fmla="*/ 0 w 78114"/>
                <a:gd name="connsiteY3" fmla="*/ 395168 h 399763"/>
                <a:gd name="connsiteX4" fmla="*/ 9189 w 78114"/>
                <a:gd name="connsiteY4" fmla="*/ 0 h 3997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8114" h="399763">
                  <a:moveTo>
                    <a:pt x="9189" y="0"/>
                  </a:moveTo>
                  <a:lnTo>
                    <a:pt x="59734" y="0"/>
                  </a:lnTo>
                  <a:lnTo>
                    <a:pt x="78114" y="399763"/>
                  </a:lnTo>
                  <a:lnTo>
                    <a:pt x="0" y="395168"/>
                  </a:lnTo>
                  <a:lnTo>
                    <a:pt x="9189" y="0"/>
                  </a:lnTo>
                  <a:close/>
                </a:path>
              </a:pathLst>
            </a:custGeom>
            <a:solidFill>
              <a:schemeClr val="accent2"/>
            </a:solidFill>
            <a:ln>
              <a:solidFill>
                <a:schemeClr val="accent2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 b="1">
                <a:ln w="22225">
                  <a:solidFill>
                    <a:schemeClr val="accent2"/>
                  </a:solidFill>
                  <a:prstDash val="solid"/>
                </a:ln>
                <a:solidFill>
                  <a:schemeClr val="accent2">
                    <a:lumMod val="40000"/>
                    <a:lumOff val="60000"/>
                  </a:schemeClr>
                </a:solidFill>
              </a:endParaRPr>
            </a:p>
          </p:txBody>
        </p:sp>
        <p:sp>
          <p:nvSpPr>
            <p:cNvPr id="34" name="フリーフォーム 103">
              <a:extLst>
                <a:ext uri="{FF2B5EF4-FFF2-40B4-BE49-F238E27FC236}">
                  <a16:creationId xmlns:a16="http://schemas.microsoft.com/office/drawing/2014/main" id="{29B5EA05-70CB-4ED5-95C9-EF18404AA83D}"/>
                </a:ext>
              </a:extLst>
            </p:cNvPr>
            <p:cNvSpPr/>
            <p:nvPr/>
          </p:nvSpPr>
          <p:spPr>
            <a:xfrm rot="10800000">
              <a:off x="-312091" y="3597789"/>
              <a:ext cx="45719" cy="280025"/>
            </a:xfrm>
            <a:custGeom>
              <a:avLst/>
              <a:gdLst>
                <a:gd name="connsiteX0" fmla="*/ 9189 w 78114"/>
                <a:gd name="connsiteY0" fmla="*/ 0 h 399763"/>
                <a:gd name="connsiteX1" fmla="*/ 59734 w 78114"/>
                <a:gd name="connsiteY1" fmla="*/ 0 h 399763"/>
                <a:gd name="connsiteX2" fmla="*/ 78114 w 78114"/>
                <a:gd name="connsiteY2" fmla="*/ 399763 h 399763"/>
                <a:gd name="connsiteX3" fmla="*/ 0 w 78114"/>
                <a:gd name="connsiteY3" fmla="*/ 395168 h 399763"/>
                <a:gd name="connsiteX4" fmla="*/ 9189 w 78114"/>
                <a:gd name="connsiteY4" fmla="*/ 0 h 3997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8114" h="399763">
                  <a:moveTo>
                    <a:pt x="9189" y="0"/>
                  </a:moveTo>
                  <a:lnTo>
                    <a:pt x="59734" y="0"/>
                  </a:lnTo>
                  <a:lnTo>
                    <a:pt x="78114" y="399763"/>
                  </a:lnTo>
                  <a:lnTo>
                    <a:pt x="0" y="395168"/>
                  </a:lnTo>
                  <a:lnTo>
                    <a:pt x="9189" y="0"/>
                  </a:lnTo>
                  <a:close/>
                </a:path>
              </a:pathLst>
            </a:custGeom>
            <a:solidFill>
              <a:schemeClr val="accent6"/>
            </a:solidFill>
            <a:ln>
              <a:solidFill>
                <a:schemeClr val="accent6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35" name="フリーフォーム 105">
              <a:extLst>
                <a:ext uri="{FF2B5EF4-FFF2-40B4-BE49-F238E27FC236}">
                  <a16:creationId xmlns:a16="http://schemas.microsoft.com/office/drawing/2014/main" id="{0889C293-89F7-4D0F-9134-F20C0A3F49AA}"/>
                </a:ext>
              </a:extLst>
            </p:cNvPr>
            <p:cNvSpPr/>
            <p:nvPr/>
          </p:nvSpPr>
          <p:spPr>
            <a:xfrm rot="14387011">
              <a:off x="-485108" y="3489725"/>
              <a:ext cx="45719" cy="290745"/>
            </a:xfrm>
            <a:custGeom>
              <a:avLst/>
              <a:gdLst>
                <a:gd name="connsiteX0" fmla="*/ 9189 w 78114"/>
                <a:gd name="connsiteY0" fmla="*/ 0 h 399763"/>
                <a:gd name="connsiteX1" fmla="*/ 59734 w 78114"/>
                <a:gd name="connsiteY1" fmla="*/ 0 h 399763"/>
                <a:gd name="connsiteX2" fmla="*/ 78114 w 78114"/>
                <a:gd name="connsiteY2" fmla="*/ 399763 h 399763"/>
                <a:gd name="connsiteX3" fmla="*/ 0 w 78114"/>
                <a:gd name="connsiteY3" fmla="*/ 395168 h 399763"/>
                <a:gd name="connsiteX4" fmla="*/ 9189 w 78114"/>
                <a:gd name="connsiteY4" fmla="*/ 0 h 39976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78114" h="399763">
                  <a:moveTo>
                    <a:pt x="9189" y="0"/>
                  </a:moveTo>
                  <a:lnTo>
                    <a:pt x="59734" y="0"/>
                  </a:lnTo>
                  <a:lnTo>
                    <a:pt x="78114" y="399763"/>
                  </a:lnTo>
                  <a:lnTo>
                    <a:pt x="0" y="395168"/>
                  </a:lnTo>
                  <a:lnTo>
                    <a:pt x="9189" y="0"/>
                  </a:lnTo>
                  <a:close/>
                </a:path>
              </a:pathLst>
            </a:custGeom>
            <a:solidFill>
              <a:schemeClr val="accent6"/>
            </a:solidFill>
            <a:ln>
              <a:solidFill>
                <a:schemeClr val="accent6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  <p:sp>
          <p:nvSpPr>
            <p:cNvPr id="36" name="円/楕円 61">
              <a:extLst>
                <a:ext uri="{FF2B5EF4-FFF2-40B4-BE49-F238E27FC236}">
                  <a16:creationId xmlns:a16="http://schemas.microsoft.com/office/drawing/2014/main" id="{D05CF56C-430F-4489-986B-B7FD293CF116}"/>
                </a:ext>
              </a:extLst>
            </p:cNvPr>
            <p:cNvSpPr/>
            <p:nvPr/>
          </p:nvSpPr>
          <p:spPr>
            <a:xfrm>
              <a:off x="-369855" y="3480930"/>
              <a:ext cx="134968" cy="134968"/>
            </a:xfrm>
            <a:prstGeom prst="ellipse">
              <a:avLst/>
            </a:prstGeom>
          </p:spPr>
          <p:style>
            <a:lnRef idx="2">
              <a:schemeClr val="dk1">
                <a:shade val="50000"/>
              </a:schemeClr>
            </a:lnRef>
            <a:fillRef idx="1">
              <a:schemeClr val="dk1"/>
            </a:fillRef>
            <a:effectRef idx="0">
              <a:schemeClr val="dk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kumimoji="1" lang="ja-JP" altLang="en-US"/>
            </a:p>
          </p:txBody>
        </p:sp>
      </p:grpSp>
      <p:pic>
        <p:nvPicPr>
          <p:cNvPr id="15" name="図 14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7332" y="4907149"/>
            <a:ext cx="1996568" cy="1947270"/>
          </a:xfrm>
          <a:prstGeom prst="rect">
            <a:avLst/>
          </a:prstGeom>
        </p:spPr>
      </p:pic>
      <p:sp>
        <p:nvSpPr>
          <p:cNvPr id="37" name="テキスト ボックス 36">
            <a:extLst>
              <a:ext uri="{FF2B5EF4-FFF2-40B4-BE49-F238E27FC236}">
                <a16:creationId xmlns:a16="http://schemas.microsoft.com/office/drawing/2014/main" id="{0623D6AA-81DD-4F2D-BC80-82412EBCE3FC}"/>
              </a:ext>
            </a:extLst>
          </p:cNvPr>
          <p:cNvSpPr txBox="1"/>
          <p:nvPr/>
        </p:nvSpPr>
        <p:spPr>
          <a:xfrm>
            <a:off x="3880528" y="2234927"/>
            <a:ext cx="75025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 げき</a:t>
            </a:r>
          </a:p>
        </p:txBody>
      </p:sp>
      <p:sp>
        <p:nvSpPr>
          <p:cNvPr id="3" name="テキスト ボックス 2">
            <a:extLst>
              <a:ext uri="{FF2B5EF4-FFF2-40B4-BE49-F238E27FC236}">
                <a16:creationId xmlns:a16="http://schemas.microsoft.com/office/drawing/2014/main" id="{958E3DE2-32E6-DA17-3CBA-93D63495B2BE}"/>
              </a:ext>
            </a:extLst>
          </p:cNvPr>
          <p:cNvSpPr txBox="1"/>
          <p:nvPr/>
        </p:nvSpPr>
        <p:spPr>
          <a:xfrm>
            <a:off x="1729741" y="2234927"/>
            <a:ext cx="75025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ないよう</a:t>
            </a:r>
          </a:p>
        </p:txBody>
      </p:sp>
      <p:sp>
        <p:nvSpPr>
          <p:cNvPr id="5" name="テキスト ボックス 4">
            <a:extLst>
              <a:ext uri="{FF2B5EF4-FFF2-40B4-BE49-F238E27FC236}">
                <a16:creationId xmlns:a16="http://schemas.microsoft.com/office/drawing/2014/main" id="{A04F1C62-07CD-5BBE-AA42-58CC40332323}"/>
              </a:ext>
            </a:extLst>
          </p:cNvPr>
          <p:cNvSpPr txBox="1"/>
          <p:nvPr/>
        </p:nvSpPr>
        <p:spPr>
          <a:xfrm>
            <a:off x="4783518" y="2234927"/>
            <a:ext cx="75025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はつげん</a:t>
            </a:r>
          </a:p>
        </p:txBody>
      </p:sp>
      <p:sp>
        <p:nvSpPr>
          <p:cNvPr id="6" name="テキスト ボックス 5">
            <a:extLst>
              <a:ext uri="{FF2B5EF4-FFF2-40B4-BE49-F238E27FC236}">
                <a16:creationId xmlns:a16="http://schemas.microsoft.com/office/drawing/2014/main" id="{FC9E3E9E-6C0F-A8CC-9D8B-BC95174C12A8}"/>
              </a:ext>
            </a:extLst>
          </p:cNvPr>
          <p:cNvSpPr txBox="1"/>
          <p:nvPr/>
        </p:nvSpPr>
        <p:spPr>
          <a:xfrm>
            <a:off x="6909550" y="2234927"/>
            <a:ext cx="75025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こうふん</a:t>
            </a:r>
          </a:p>
        </p:txBody>
      </p:sp>
      <p:sp>
        <p:nvSpPr>
          <p:cNvPr id="7" name="テキスト ボックス 6">
            <a:extLst>
              <a:ext uri="{FF2B5EF4-FFF2-40B4-BE49-F238E27FC236}">
                <a16:creationId xmlns:a16="http://schemas.microsoft.com/office/drawing/2014/main" id="{D1311329-B121-ED6D-2A17-49B8A6415DDC}"/>
              </a:ext>
            </a:extLst>
          </p:cNvPr>
          <p:cNvSpPr txBox="1"/>
          <p:nvPr/>
        </p:nvSpPr>
        <p:spPr>
          <a:xfrm>
            <a:off x="838950" y="2740992"/>
            <a:ext cx="750256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おおごえ</a:t>
            </a:r>
          </a:p>
        </p:txBody>
      </p:sp>
      <p:sp>
        <p:nvSpPr>
          <p:cNvPr id="8" name="テキスト ボックス 7">
            <a:extLst>
              <a:ext uri="{FF2B5EF4-FFF2-40B4-BE49-F238E27FC236}">
                <a16:creationId xmlns:a16="http://schemas.microsoft.com/office/drawing/2014/main" id="{F68E2FB9-0F3B-155D-6F7E-7014C8BC5B49}"/>
              </a:ext>
            </a:extLst>
          </p:cNvPr>
          <p:cNvSpPr txBox="1"/>
          <p:nvPr/>
        </p:nvSpPr>
        <p:spPr>
          <a:xfrm>
            <a:off x="3587750" y="2740992"/>
            <a:ext cx="1070609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のう　せい</a:t>
            </a:r>
          </a:p>
        </p:txBody>
      </p:sp>
      <p:sp>
        <p:nvSpPr>
          <p:cNvPr id="9" name="テキスト ボックス 8">
            <a:extLst>
              <a:ext uri="{FF2B5EF4-FFF2-40B4-BE49-F238E27FC236}">
                <a16:creationId xmlns:a16="http://schemas.microsoft.com/office/drawing/2014/main" id="{49388A5B-2D7B-BFE6-7CA5-6BE6547ABD9E}"/>
              </a:ext>
            </a:extLst>
          </p:cNvPr>
          <p:cNvSpPr txBox="1"/>
          <p:nvPr/>
        </p:nvSpPr>
        <p:spPr>
          <a:xfrm>
            <a:off x="1101586" y="1617648"/>
            <a:ext cx="79946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てい</a:t>
            </a:r>
          </a:p>
        </p:txBody>
      </p:sp>
      <p:sp>
        <p:nvSpPr>
          <p:cNvPr id="38" name="テキスト ボックス 37">
            <a:extLst>
              <a:ext uri="{FF2B5EF4-FFF2-40B4-BE49-F238E27FC236}">
                <a16:creationId xmlns:a16="http://schemas.microsoft.com/office/drawing/2014/main" id="{6EE6F7CE-C3A0-7891-ECE7-21456A63DF9B}"/>
              </a:ext>
            </a:extLst>
          </p:cNvPr>
          <p:cNvSpPr txBox="1"/>
          <p:nvPr/>
        </p:nvSpPr>
        <p:spPr>
          <a:xfrm>
            <a:off x="823748" y="1617648"/>
            <a:ext cx="405570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かく</a:t>
            </a:r>
          </a:p>
        </p:txBody>
      </p:sp>
      <p:sp>
        <p:nvSpPr>
          <p:cNvPr id="39" name="テキスト ボックス 38">
            <a:extLst>
              <a:ext uri="{FF2B5EF4-FFF2-40B4-BE49-F238E27FC236}">
                <a16:creationId xmlns:a16="http://schemas.microsoft.com/office/drawing/2014/main" id="{BD87ADB4-D592-11D5-582F-B9ED5D19313E}"/>
              </a:ext>
            </a:extLst>
          </p:cNvPr>
          <p:cNvSpPr txBox="1"/>
          <p:nvPr/>
        </p:nvSpPr>
        <p:spPr>
          <a:xfrm>
            <a:off x="3524647" y="1617648"/>
            <a:ext cx="837405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そんちょう</a:t>
            </a:r>
          </a:p>
        </p:txBody>
      </p:sp>
      <p:sp>
        <p:nvSpPr>
          <p:cNvPr id="40" name="テキスト ボックス 39">
            <a:extLst>
              <a:ext uri="{FF2B5EF4-FFF2-40B4-BE49-F238E27FC236}">
                <a16:creationId xmlns:a16="http://schemas.microsoft.com/office/drawing/2014/main" id="{50FB6FEE-124A-312F-6616-9FDAC939BBB0}"/>
              </a:ext>
            </a:extLst>
          </p:cNvPr>
          <p:cNvSpPr txBox="1"/>
          <p:nvPr/>
        </p:nvSpPr>
        <p:spPr>
          <a:xfrm>
            <a:off x="4431428" y="1053358"/>
            <a:ext cx="851772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そうだん</a:t>
            </a:r>
          </a:p>
        </p:txBody>
      </p:sp>
      <p:sp>
        <p:nvSpPr>
          <p:cNvPr id="41" name="テキスト ボックス 40">
            <a:extLst>
              <a:ext uri="{FF2B5EF4-FFF2-40B4-BE49-F238E27FC236}">
                <a16:creationId xmlns:a16="http://schemas.microsoft.com/office/drawing/2014/main" id="{1A019854-FF8D-A79B-04F3-CF6823CA3B3B}"/>
              </a:ext>
            </a:extLst>
          </p:cNvPr>
          <p:cNvSpPr txBox="1"/>
          <p:nvPr/>
        </p:nvSpPr>
        <p:spPr>
          <a:xfrm>
            <a:off x="5724923" y="1053358"/>
            <a:ext cx="390127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き</a:t>
            </a:r>
          </a:p>
        </p:txBody>
      </p:sp>
      <p:sp>
        <p:nvSpPr>
          <p:cNvPr id="43" name="テキスト ボックス 42">
            <a:extLst>
              <a:ext uri="{FF2B5EF4-FFF2-40B4-BE49-F238E27FC236}">
                <a16:creationId xmlns:a16="http://schemas.microsoft.com/office/drawing/2014/main" id="{D2A0CFBE-6687-66FD-B411-439B0A22B858}"/>
              </a:ext>
            </a:extLst>
          </p:cNvPr>
          <p:cNvSpPr txBox="1"/>
          <p:nvPr/>
        </p:nvSpPr>
        <p:spPr>
          <a:xfrm>
            <a:off x="5994998" y="1617648"/>
            <a:ext cx="439143" cy="27699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kumimoji="1" lang="ja-JP" altLang="en-US" sz="1200" dirty="0">
                <a:solidFill>
                  <a:srgbClr val="494138"/>
                </a:solidFill>
                <a:latin typeface="Meiryo UI" panose="020B0604030504040204" pitchFamily="50" charset="-128"/>
                <a:ea typeface="Meiryo UI" panose="020B0604030504040204" pitchFamily="50" charset="-128"/>
                <a:cs typeface="Meiryo UI" panose="020B0604030504040204" pitchFamily="50" charset="-128"/>
              </a:rPr>
              <a:t>たの</a:t>
            </a:r>
          </a:p>
        </p:txBody>
      </p:sp>
      <p:grpSp>
        <p:nvGrpSpPr>
          <p:cNvPr id="42" name="グループ化 41">
            <a:extLst>
              <a:ext uri="{FF2B5EF4-FFF2-40B4-BE49-F238E27FC236}">
                <a16:creationId xmlns:a16="http://schemas.microsoft.com/office/drawing/2014/main" id="{B3383326-591E-CEDE-82DB-9C166B18CD9E}"/>
              </a:ext>
            </a:extLst>
          </p:cNvPr>
          <p:cNvGrpSpPr/>
          <p:nvPr/>
        </p:nvGrpSpPr>
        <p:grpSpPr>
          <a:xfrm>
            <a:off x="2070262" y="3675844"/>
            <a:ext cx="2000508" cy="1497887"/>
            <a:chOff x="2070262" y="3675844"/>
            <a:chExt cx="2000508" cy="1497887"/>
          </a:xfrm>
        </p:grpSpPr>
        <p:sp>
          <p:nvSpPr>
            <p:cNvPr id="44" name="テキスト ボックス 43">
              <a:extLst>
                <a:ext uri="{FF2B5EF4-FFF2-40B4-BE49-F238E27FC236}">
                  <a16:creationId xmlns:a16="http://schemas.microsoft.com/office/drawing/2014/main" id="{86F4D376-ED3D-BE7D-13A3-C0C5B00A48E3}"/>
                </a:ext>
              </a:extLst>
            </p:cNvPr>
            <p:cNvSpPr txBox="1"/>
            <p:nvPr/>
          </p:nvSpPr>
          <p:spPr>
            <a:xfrm rot="-180000">
              <a:off x="3250834" y="3675844"/>
              <a:ext cx="819936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めい　わく</a:t>
              </a:r>
            </a:p>
          </p:txBody>
        </p:sp>
        <p:sp>
          <p:nvSpPr>
            <p:cNvPr id="45" name="テキスト ボックス 44">
              <a:extLst>
                <a:ext uri="{FF2B5EF4-FFF2-40B4-BE49-F238E27FC236}">
                  <a16:creationId xmlns:a16="http://schemas.microsoft.com/office/drawing/2014/main" id="{F6BB3303-6BE2-5433-6467-56A060A52D91}"/>
                </a:ext>
              </a:extLst>
            </p:cNvPr>
            <p:cNvSpPr txBox="1"/>
            <p:nvPr/>
          </p:nvSpPr>
          <p:spPr>
            <a:xfrm rot="-180000">
              <a:off x="2070262" y="4896732"/>
              <a:ext cx="478311" cy="276999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kumimoji="1" lang="ja-JP" altLang="en-US" sz="1200" dirty="0">
                  <a:solidFill>
                    <a:schemeClr val="bg1"/>
                  </a:solidFill>
                  <a:latin typeface="Meiryo UI" panose="020B0604030504040204" pitchFamily="50" charset="-128"/>
                  <a:ea typeface="Meiryo UI" panose="020B0604030504040204" pitchFamily="50" charset="-128"/>
                  <a:cs typeface="Meiryo UI" panose="020B0604030504040204" pitchFamily="50" charset="-128"/>
                </a:rPr>
                <a:t>たの</a:t>
              </a:r>
            </a:p>
          </p:txBody>
        </p:sp>
      </p:grpSp>
    </p:spTree>
    <p:custDataLst>
      <p:tags r:id="rId1"/>
    </p:custDataLst>
    <p:extLst>
      <p:ext uri="{BB962C8B-B14F-4D97-AF65-F5344CB8AC3E}">
        <p14:creationId xmlns:p14="http://schemas.microsoft.com/office/powerpoint/2010/main" val="105903509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NEXTUNIQUEID" val="10010"/>
  <p:tag name="ISPRING_PROJECT_FOLDER_UPDATED" val="1"/>
  <p:tag name="ISPRING_ULTRA_SCORM_COURSE_ID" val="0B614A66-4F9C-4121-B07A-BA9DFF81A28D"/>
  <p:tag name="ISPRING_SCORM_RATE_SLIDES" val="1"/>
  <p:tag name="ISPRING_PLAYERS_CUSTOMIZATION" val="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"/>
  <p:tag name="ISPRING_FIRST_PUBLISH" val="1"/>
  <p:tag name="ISPRING_ULTRA_SCORM_LESSON_TITLE" val="情報モラル教育 小学生向け"/>
  <p:tag name="MMPROD_UIDATA" val="&lt;database version=&quot;11.0&quot;&gt;&lt;object type=&quot;1&quot; unique_id=&quot;10001&quot;&gt;&lt;object type=&quot;2&quot; unique_id=&quot;215453&quot;&gt;&lt;object type=&quot;3&quot; unique_id=&quot;215982&quot;&gt;&lt;property id=&quot;20148&quot; value=&quot;5&quot;/&gt;&lt;property id=&quot;20300&quot; value=&quot;スライド 45 - &amp;quot;8. ネットゲームのやり過ぎはダメ！（有料アイテム）&amp;quot;&quot;/&gt;&lt;property id=&quot;20307&quot; value=&quot;272&quot;/&gt;&lt;/object&gt;&lt;object type=&quot;3&quot; unique_id=&quot;216200&quot;&gt;&lt;property id=&quot;20148&quot; value=&quot;5&quot;/&gt;&lt;property id=&quot;20300&quot; value=&quot;スライド 41 - &amp;quot;8. ネットゲームのやり過ぎはダメ！（有料アイテム）&amp;quot;&quot;/&gt;&lt;property id=&quot;20307&quot; value=&quot;274&quot;/&gt;&lt;/object&gt;&lt;object type=&quot;3&quot; unique_id=&quot;216202&quot;&gt;&lt;property id=&quot;20148&quot; value=&quot;5&quot;/&gt;&lt;property id=&quot;20300&quot; value=&quot;スライド 44 - &amp;quot;8. ネットゲームのやり過ぎはダメ！（有料アイテム）&amp;quot;&quot;/&gt;&lt;property id=&quot;20307&quot; value=&quot;276&quot;/&gt;&lt;/object&gt;&lt;object type=&quot;3&quot; unique_id=&quot;216203&quot;&gt;&lt;property id=&quot;20148&quot; value=&quot;5&quot;/&gt;&lt;property id=&quot;20300&quot; value=&quot;スライド 46 - &amp;quot;8. ネットゲームのやり過ぎはダメ！（有料アイテム）&amp;quot;&quot;/&gt;&lt;property id=&quot;20307&quot; value=&quot;277&quot;/&gt;&lt;/object&gt;&lt;object type=&quot;3&quot; unique_id=&quot;216233&quot;&gt;&lt;property id=&quot;20148&quot; value=&quot;5&quot;/&gt;&lt;property id=&quot;20300&quot; value=&quot;スライド 42 - &amp;quot;8. ネットゲームのやり過ぎはダメ！（有料アイテム）&amp;quot;&quot;/&gt;&lt;property id=&quot;20307&quot; value=&quot;279&quot;/&gt;&lt;/object&gt;&lt;object type=&quot;3&quot; unique_id=&quot;216234&quot;&gt;&lt;property id=&quot;20148&quot; value=&quot;5&quot;/&gt;&lt;property id=&quot;20300&quot; value=&quot;スライド 43 - &amp;quot;8. ネットゲームのやり過ぎはダメ！（有料アイテム）&amp;quot;&quot;/&gt;&lt;property id=&quot;20307&quot; value=&quot;278&quot;/&gt;&lt;/object&gt;&lt;object type=&quot;3&quot; unique_id=&quot;217394&quot;&gt;&lt;property id=&quot;20148&quot; value=&quot;5&quot;/&gt;&lt;property id=&quot;20300&quot; value=&quot;スライド 35 - &amp;quot;7. インターネットを使うときのルール&amp;quot;&quot;/&gt;&lt;property id=&quot;20307&quot; value=&quot;280&quot;/&gt;&lt;/object&gt;&lt;object type=&quot;3&quot; unique_id=&quot;217395&quot;&gt;&lt;property id=&quot;20148&quot; value=&quot;5&quot;/&gt;&lt;property id=&quot;20300&quot; value=&quot;スライド 36 - &amp;quot;7. インターネットを使うときのルール&amp;quot;&quot;/&gt;&lt;property id=&quot;20307&quot; value=&quot;281&quot;/&gt;&lt;/object&gt;&lt;object type=&quot;3&quot; unique_id=&quot;217396&quot;&gt;&lt;property id=&quot;20148&quot; value=&quot;5&quot;/&gt;&lt;property id=&quot;20300&quot; value=&quot;スライド 37 - &amp;quot;7. インターネットを使うときのルール&amp;quot;&quot;/&gt;&lt;property id=&quot;20307&quot; value=&quot;282&quot;/&gt;&lt;/object&gt;&lt;object type=&quot;3&quot; unique_id=&quot;217452&quot;&gt;&lt;property id=&quot;20148&quot; value=&quot;5&quot;/&gt;&lt;property id=&quot;20300&quot; value=&quot;スライド 38 - &amp;quot;7. インターネットを使うときのルール&amp;quot;&quot;/&gt;&lt;property id=&quot;20307&quot; value=&quot;283&quot;/&gt;&lt;/object&gt;&lt;object type=&quot;3&quot; unique_id=&quot;217453&quot;&gt;&lt;property id=&quot;20148&quot; value=&quot;5&quot;/&gt;&lt;property id=&quot;20300&quot; value=&quot;スライド 39 - &amp;quot;7. インターネットを使うときのルール&amp;quot;&quot;/&gt;&lt;property id=&quot;20307&quot; value=&quot;284&quot;/&gt;&lt;/object&gt;&lt;object type=&quot;3&quot; unique_id=&quot;217506&quot;&gt;&lt;property id=&quot;20148&quot; value=&quot;5&quot;/&gt;&lt;property id=&quot;20300&quot; value=&quot;スライド 29 - &amp;quot;6. 悪口を書かない&amp;quot;&quot;/&gt;&lt;property id=&quot;20307&quot; value=&quot;285&quot;/&gt;&lt;/object&gt;&lt;object type=&quot;3&quot; unique_id=&quot;217507&quot;&gt;&lt;property id=&quot;20148&quot; value=&quot;5&quot;/&gt;&lt;property id=&quot;20300&quot; value=&quot;スライド 30 - &amp;quot;6. 悪口を書かない&amp;quot;&quot;/&gt;&lt;property id=&quot;20307&quot; value=&quot;286&quot;/&gt;&lt;/object&gt;&lt;object type=&quot;3&quot; unique_id=&quot;217667&quot;&gt;&lt;property id=&quot;20148&quot; value=&quot;5&quot;/&gt;&lt;property id=&quot;20300&quot; value=&quot;スライド 31 - &amp;quot;6. 悪口を書かない&amp;quot;&quot;/&gt;&lt;property id=&quot;20307&quot; value=&quot;288&quot;/&gt;&lt;/object&gt;&lt;object type=&quot;3&quot; unique_id=&quot;217668&quot;&gt;&lt;property id=&quot;20148&quot; value=&quot;5&quot;/&gt;&lt;property id=&quot;20300&quot; value=&quot;スライド 32 - &amp;quot;6. 悪口を書かない&amp;quot;&quot;/&gt;&lt;property id=&quot;20307&quot; value=&quot;289&quot;/&gt;&lt;/object&gt;&lt;object type=&quot;3&quot; unique_id=&quot;217669&quot;&gt;&lt;property id=&quot;20148&quot; value=&quot;5&quot;/&gt;&lt;property id=&quot;20300&quot; value=&quot;スライド 33 - &amp;quot;6. 悪口を書かない&amp;quot;&quot;/&gt;&lt;property id=&quot;20307&quot; value=&quot;290&quot;/&gt;&lt;/object&gt;&lt;object type=&quot;3&quot; unique_id=&quot;217671&quot;&gt;&lt;property id=&quot;20148&quot; value=&quot;5&quot;/&gt;&lt;property id=&quot;20300&quot; value=&quot;スライド 24 - &amp;quot;5. パスワード管理&amp;quot;&quot;/&gt;&lt;property id=&quot;20307&quot; value=&quot;291&quot;/&gt;&lt;/object&gt;&lt;object type=&quot;3&quot; unique_id=&quot;224503&quot;&gt;&lt;property id=&quot;20148&quot; value=&quot;5&quot;/&gt;&lt;property id=&quot;20300&quot; value=&quot;スライド 25 - &amp;quot;5. パスワード管理&amp;quot;&quot;/&gt;&lt;property id=&quot;20307&quot; value=&quot;292&quot;/&gt;&lt;/object&gt;&lt;object type=&quot;3&quot; unique_id=&quot;224731&quot;&gt;&lt;property id=&quot;20148&quot; value=&quot;5&quot;/&gt;&lt;property id=&quot;20300&quot; value=&quot;スライド 26 - &amp;quot;5. パスワード管理&amp;quot;&quot;/&gt;&lt;property id=&quot;20307&quot; value=&quot;294&quot;/&gt;&lt;/object&gt;&lt;object type=&quot;3&quot; unique_id=&quot;224732&quot;&gt;&lt;property id=&quot;20148&quot; value=&quot;5&quot;/&gt;&lt;property id=&quot;20300&quot; value=&quot;スライド 27 - &amp;quot;5. パスワード管理&amp;quot;&quot;/&gt;&lt;property id=&quot;20307&quot; value=&quot;295&quot;/&gt;&lt;/object&gt;&lt;object type=&quot;3&quot; unique_id=&quot;225310&quot;&gt;&lt;property id=&quot;20148&quot; value=&quot;5&quot;/&gt;&lt;property id=&quot;20300&quot; value=&quot;スライド 3 - &amp;quot;1. インターネットの情報は正しいの？&amp;quot;&quot;/&gt;&lt;property id=&quot;20307&quot; value=&quot;296&quot;/&gt;&lt;/object&gt;&lt;object type=&quot;3&quot; unique_id=&quot;225311&quot;&gt;&lt;property id=&quot;20148&quot; value=&quot;5&quot;/&gt;&lt;property id=&quot;20300&quot; value=&quot;スライド 4 - &amp;quot;1. インターネットの情報は正しいの？&amp;quot;&quot;/&gt;&lt;property id=&quot;20307&quot; value=&quot;297&quot;/&gt;&lt;/object&gt;&lt;object type=&quot;3&quot; unique_id=&quot;225312&quot;&gt;&lt;property id=&quot;20148&quot; value=&quot;5&quot;/&gt;&lt;property id=&quot;20300&quot; value=&quot;スライド 5 - &amp;quot;1. インターネットの情報は正しいの？&amp;quot;&quot;/&gt;&lt;property id=&quot;20307&quot; value=&quot;298&quot;/&gt;&lt;/object&gt;&lt;object type=&quot;3&quot; unique_id=&quot;225313&quot;&gt;&lt;property id=&quot;20148&quot; value=&quot;5&quot;/&gt;&lt;property id=&quot;20300&quot; value=&quot;スライド 6 - &amp;quot;1. インターネットの情報は正しいの？&amp;quot;&quot;/&gt;&lt;property id=&quot;20307&quot; value=&quot;299&quot;/&gt;&lt;/object&gt;&lt;object type=&quot;3&quot; unique_id=&quot;225314&quot;&gt;&lt;property id=&quot;20148&quot; value=&quot;5&quot;/&gt;&lt;property id=&quot;20300&quot; value=&quot;スライド 8 - &amp;quot;2. ネットのイラストはだれのもの？&amp;quot;&quot;/&gt;&lt;property id=&quot;20307&quot; value=&quot;300&quot;/&gt;&lt;/object&gt;&lt;object type=&quot;3&quot; unique_id=&quot;225315&quot;&gt;&lt;property id=&quot;20148&quot; value=&quot;5&quot;/&gt;&lt;property id=&quot;20300&quot; value=&quot;スライド 9 - &amp;quot;2. ネットのイラストはだれのもの？&amp;quot;&quot;/&gt;&lt;property id=&quot;20307&quot; value=&quot;301&quot;/&gt;&lt;/object&gt;&lt;object type=&quot;3&quot; unique_id=&quot;225316&quot;&gt;&lt;property id=&quot;20148&quot; value=&quot;5&quot;/&gt;&lt;property id=&quot;20300&quot; value=&quot;スライド 10 - &amp;quot;2. ネットのイラストはだれのもの？&amp;quot;&quot;/&gt;&lt;property id=&quot;20307&quot; value=&quot;302&quot;/&gt;&lt;/object&gt;&lt;object type=&quot;3&quot; unique_id=&quot;225317&quot;&gt;&lt;property id=&quot;20148&quot; value=&quot;5&quot;/&gt;&lt;property id=&quot;20300&quot; value=&quot;スライド 11 - &amp;quot;2. ネットのイラストはだれのもの？&amp;quot;&quot;/&gt;&lt;property id=&quot;20307&quot; value=&quot;303&quot;/&gt;&lt;/object&gt;&lt;object type=&quot;3&quot; unique_id=&quot;225318&quot;&gt;&lt;property id=&quot;20148&quot; value=&quot;5&quot;/&gt;&lt;property id=&quot;20300&quot; value=&quot;スライド 13 - &amp;quot;3. 名前、住所、写真を公開しない&amp;quot;&quot;/&gt;&lt;property id=&quot;20307&quot; value=&quot;304&quot;/&gt;&lt;/object&gt;&lt;object type=&quot;3&quot; unique_id=&quot;225319&quot;&gt;&lt;property id=&quot;20148&quot; value=&quot;5&quot;/&gt;&lt;property id=&quot;20300&quot; value=&quot;スライド 14 - &amp;quot;3. 名前、住所、写真を公開しない&amp;quot;&quot;/&gt;&lt;property id=&quot;20307&quot; value=&quot;305&quot;/&gt;&lt;/object&gt;&lt;object type=&quot;3&quot; unique_id=&quot;225320&quot;&gt;&lt;property id=&quot;20148&quot; value=&quot;5&quot;/&gt;&lt;property id=&quot;20300&quot; value=&quot;スライド 16 - &amp;quot;3. 名前、住所、写真を公開しない&amp;quot;&quot;/&gt;&lt;property id=&quot;20307&quot; value=&quot;306&quot;/&gt;&lt;/object&gt;&lt;object type=&quot;3&quot; unique_id=&quot;225321&quot;&gt;&lt;property id=&quot;20148&quot; value=&quot;5&quot;/&gt;&lt;property id=&quot;20300&quot; value=&quot;スライド 17 - &amp;quot;3. 名前、住所、写真を公開しない&amp;quot;&quot;/&gt;&lt;property id=&quot;20307&quot; value=&quot;307&quot;/&gt;&lt;/object&gt;&lt;object type=&quot;3&quot; unique_id=&quot;225322&quot;&gt;&lt;property id=&quot;20148&quot; value=&quot;5&quot;/&gt;&lt;property id=&quot;20300&quot; value=&quot;スライド 19 - &amp;quot;4. 知らない人からのメール&amp;quot;&quot;/&gt;&lt;property id=&quot;20307&quot; value=&quot;308&quot;/&gt;&lt;/object&gt;&lt;object type=&quot;3&quot; unique_id=&quot;225323&quot;&gt;&lt;property id=&quot;20148&quot; value=&quot;5&quot;/&gt;&lt;property id=&quot;20300&quot; value=&quot;スライド 20 - &amp;quot;4. 知らない人からのメール&amp;quot;&quot;/&gt;&lt;property id=&quot;20307&quot; value=&quot;309&quot;/&gt;&lt;/object&gt;&lt;object type=&quot;3&quot; unique_id=&quot;225324&quot;&gt;&lt;property id=&quot;20148&quot; value=&quot;5&quot;/&gt;&lt;property id=&quot;20300&quot; value=&quot;スライド 21 - &amp;quot;4. 知らない人からのメール&amp;quot;&quot;/&gt;&lt;property id=&quot;20307&quot; value=&quot;310&quot;/&gt;&lt;/object&gt;&lt;object type=&quot;3&quot; unique_id=&quot;225325&quot;&gt;&lt;property id=&quot;20148&quot; value=&quot;5&quot;/&gt;&lt;property id=&quot;20300&quot; value=&quot;スライド 22 - &amp;quot;4. 知らない人からのメール&amp;quot;&quot;/&gt;&lt;property id=&quot;20307&quot; value=&quot;311&quot;/&gt;&lt;/object&gt;&lt;object type=&quot;3&quot; unique_id=&quot;225524&quot;&gt;&lt;property id=&quot;20148&quot; value=&quot;5&quot;/&gt;&lt;property id=&quot;20300&quot; value=&quot;スライド 1 - &amp;quot;情報モラル教育&amp;quot;&quot;/&gt;&lt;property id=&quot;20307&quot; value=&quot;313&quot;/&gt;&lt;/object&gt;&lt;object type=&quot;3&quot; unique_id=&quot;228223&quot;&gt;&lt;property id=&quot;20148&quot; value=&quot;5&quot;/&gt;&lt;property id=&quot;20300&quot; value=&quot;スライド 12 - &amp;quot;第3話 名前、住所、写真を 公開しない&amp;quot;&quot;/&gt;&lt;property id=&quot;20307&quot; value=&quot;316&quot;/&gt;&lt;/object&gt;&lt;object type=&quot;3&quot; unique_id=&quot;228225&quot;&gt;&lt;property id=&quot;20148&quot; value=&quot;5&quot;/&gt;&lt;property id=&quot;20300&quot; value=&quot;スライド 23 - &amp;quot;第5話 パスワード管理&amp;quot;&quot;/&gt;&lt;property id=&quot;20307&quot; value=&quot;318&quot;/&gt;&lt;/object&gt;&lt;object type=&quot;3&quot; unique_id=&quot;228227&quot;&gt;&lt;property id=&quot;20148&quot; value=&quot;5&quot;/&gt;&lt;property id=&quot;20300&quot; value=&quot;スライド 34 - &amp;quot;第7話 インターネットを 使うときのルール&amp;quot;&quot;/&gt;&lt;property id=&quot;20307&quot; value=&quot;320&quot;/&gt;&lt;/object&gt;&lt;object type=&quot;3&quot; unique_id=&quot;228228&quot;&gt;&lt;property id=&quot;20148&quot; value=&quot;5&quot;/&gt;&lt;property id=&quot;20300&quot; value=&quot;スライド 40 - &amp;quot;第8話 ネットゲームの 　やり過ぎはダメ！ 　（有料アイテム）&amp;quot;&quot;/&gt;&lt;property id=&quot;20307&quot; value=&quot;321&quot;/&gt;&lt;/object&gt;&lt;object type=&quot;3&quot; unique_id=&quot;228769&quot;&gt;&lt;property id=&quot;20148&quot; value=&quot;5&quot;/&gt;&lt;property id=&quot;20300&quot; value=&quot;スライド 15 - &amp;quot;3. 名前、住所、写真を公開しない&amp;quot;&quot;/&gt;&lt;property id=&quot;20307&quot; value=&quot;323&quot;/&gt;&lt;/object&gt;&lt;object type=&quot;3&quot; unique_id=&quot;230173&quot;&gt;&lt;property id=&quot;20148&quot; value=&quot;5&quot;/&gt;&lt;property id=&quot;20300&quot; value=&quot;スライド 2 - &amp;quot;第1話 インターネットの 情報は正しいの？&amp;quot;&quot;/&gt;&lt;property id=&quot;20307&quot; value=&quot;325&quot;/&gt;&lt;/object&gt;&lt;object type=&quot;3&quot; unique_id=&quot;230789&quot;&gt;&lt;property id=&quot;20148&quot; value=&quot;5&quot;/&gt;&lt;property id=&quot;20300&quot; value=&quot;スライド 18 - &amp;quot;第4話  知らない人からの メール&amp;quot;&quot;/&gt;&lt;property id=&quot;20307&quot; value=&quot;328&quot;/&gt;&lt;/object&gt;&lt;object type=&quot;3&quot; unique_id=&quot;230790&quot;&gt;&lt;property id=&quot;20148&quot; value=&quot;5&quot;/&gt;&lt;property id=&quot;20300&quot; value=&quot;スライド 28 - &amp;quot;第6話 悪口を書かない&amp;quot;&quot;/&gt;&lt;property id=&quot;20307&quot; value=&quot;329&quot;/&gt;&lt;/object&gt;&lt;object type=&quot;3&quot; unique_id=&quot;231045&quot;&gt;&lt;property id=&quot;20148&quot; value=&quot;5&quot;/&gt;&lt;property id=&quot;20300&quot; value=&quot;スライド 7 - &amp;quot;第2話 ネットのイラストは だれのもの？&amp;quot;&quot;/&gt;&lt;property id=&quot;20307&quot; value=&quot;330&quot;/&gt;&lt;/object&gt;&lt;object type=&quot;3&quot; unique_id=&quot;495021&quot;&gt;&lt;property id=&quot;20148&quot; value=&quot;5&quot;/&gt;&lt;property id=&quot;20300&quot; value=&quot;スライド 47 - &amp;quot;第9話 チケットの転売は いけないの？&amp;quot;&quot;/&gt;&lt;property id=&quot;20307&quot; value=&quot;331&quot;/&gt;&lt;/object&gt;&lt;object type=&quot;3&quot; unique_id=&quot;495022&quot;&gt;&lt;property id=&quot;20148&quot; value=&quot;5&quot;/&gt;&lt;property id=&quot;20300&quot; value=&quot;スライド 48 - &amp;quot;9. チケットの転売はいけないの？&amp;quot;&quot;/&gt;&lt;property id=&quot;20307&quot; value=&quot;332&quot;/&gt;&lt;/object&gt;&lt;object type=&quot;3&quot; unique_id=&quot;495023&quot;&gt;&lt;property id=&quot;20148&quot; value=&quot;5&quot;/&gt;&lt;property id=&quot;20300&quot; value=&quot;スライド 49 - &amp;quot;9. チケットの転売はいけないの？&amp;quot;&quot;/&gt;&lt;property id=&quot;20307&quot; value=&quot;333&quot;/&gt;&lt;/object&gt;&lt;object type=&quot;3&quot; unique_id=&quot;495024&quot;&gt;&lt;property id=&quot;20148&quot; value=&quot;5&quot;/&gt;&lt;property id=&quot;20300&quot; value=&quot;スライド 50 - &amp;quot;9. チケットの転売はいけないの？&amp;quot;&quot;/&gt;&lt;property id=&quot;20307&quot; value=&quot;334&quot;/&gt;&lt;/object&gt;&lt;object type=&quot;3&quot; unique_id=&quot;495025&quot;&gt;&lt;property id=&quot;20148&quot; value=&quot;5&quot;/&gt;&lt;property id=&quot;20300&quot; value=&quot;スライド 51 - &amp;quot;9. チケットの転売はいけないの？&amp;quot;&quot;/&gt;&lt;property id=&quot;20307&quot; value=&quot;335&quot;/&gt;&lt;/object&gt;&lt;object type=&quot;3&quot; unique_id=&quot;495026&quot;&gt;&lt;property id=&quot;20148&quot; value=&quot;5&quot;/&gt;&lt;property id=&quot;20300&quot; value=&quot;スライド 52 - &amp;quot;9. チケットの転売はいけないの？&amp;quot;&quot;/&gt;&lt;property id=&quot;20307&quot; value=&quot;336&quot;/&gt;&lt;/object&gt;&lt;object type=&quot;3&quot; unique_id=&quot;495027&quot;&gt;&lt;property id=&quot;20148&quot; value=&quot;5&quot;/&gt;&lt;property id=&quot;20300&quot; value=&quot;スライド 53 - &amp;quot;第10話 フィルタリングで 何を守ってくれているの？&amp;quot;&quot;/&gt;&lt;property id=&quot;20307&quot; value=&quot;337&quot;/&gt;&lt;/object&gt;&lt;object type=&quot;3&quot; unique_id=&quot;495028&quot;&gt;&lt;property id=&quot;20148&quot; value=&quot;5&quot;/&gt;&lt;property id=&quot;20300&quot; value=&quot;スライド 54 - &amp;quot;10. フィルタリングで何を守ってくれているの？&amp;quot;&quot;/&gt;&lt;property id=&quot;20307&quot; value=&quot;338&quot;/&gt;&lt;/object&gt;&lt;object type=&quot;3&quot; unique_id=&quot;495029&quot;&gt;&lt;property id=&quot;20148&quot; value=&quot;5&quot;/&gt;&lt;property id=&quot;20300&quot; value=&quot;スライド 55 - &amp;quot;10. フィルタリングで何を守ってくれているの？&amp;quot;&quot;/&gt;&lt;property id=&quot;20307&quot; value=&quot;339&quot;/&gt;&lt;/object&gt;&lt;object type=&quot;3&quot; unique_id=&quot;495030&quot;&gt;&lt;property id=&quot;20148&quot; value=&quot;5&quot;/&gt;&lt;property id=&quot;20300&quot; value=&quot;スライド 56 - &amp;quot;10. フィルタリングで何を守ってくれているの？&amp;quot;&quot;/&gt;&lt;property id=&quot;20307&quot; value=&quot;340&quot;/&gt;&lt;/object&gt;&lt;object type=&quot;3&quot; unique_id=&quot;495031&quot;&gt;&lt;property id=&quot;20148&quot; value=&quot;5&quot;/&gt;&lt;property id=&quot;20300&quot; value=&quot;スライド 57 - &amp;quot;10. フィルタリングで何を守ってくれているの？&amp;quot;&quot;/&gt;&lt;property id=&quot;20307&quot; value=&quot;341&quot;/&gt;&lt;/object&gt;&lt;object type=&quot;3&quot; unique_id=&quot;495032&quot;&gt;&lt;property id=&quot;20148&quot; value=&quot;5&quot;/&gt;&lt;property id=&quot;20300&quot; value=&quot;スライド 58 - &amp;quot;第11話 ウイルスに 感染（かんせん）してしまったら？&amp;quot;&quot;/&gt;&lt;property id=&quot;20307&quot; value=&quot;342&quot;/&gt;&lt;/object&gt;&lt;object type=&quot;3&quot; unique_id=&quot;495033&quot;&gt;&lt;property id=&quot;20148&quot; value=&quot;5&quot;/&gt;&lt;property id=&quot;20300&quot; value=&quot;スライド 59 - &amp;quot;11. ウイルスに感染してしまったら？&amp;quot;&quot;/&gt;&lt;property id=&quot;20307&quot; value=&quot;343&quot;/&gt;&lt;/object&gt;&lt;object type=&quot;3&quot; unique_id=&quot;495034&quot;&gt;&lt;property id=&quot;20148&quot; value=&quot;5&quot;/&gt;&lt;property id=&quot;20300&quot; value=&quot;スライド 60 - &amp;quot;11. ウイルスに感染してしまったら？&amp;quot;&quot;/&gt;&lt;property id=&quot;20307&quot; value=&quot;344&quot;/&gt;&lt;/object&gt;&lt;object type=&quot;3&quot; unique_id=&quot;495035&quot;&gt;&lt;property id=&quot;20148&quot; value=&quot;5&quot;/&gt;&lt;property id=&quot;20300&quot; value=&quot;スライド 61 - &amp;quot;11. ウイルスに感染してしまったら？&amp;quot;&quot;/&gt;&lt;property id=&quot;20307&quot; value=&quot;345&quot;/&gt;&lt;/object&gt;&lt;object type=&quot;3&quot; unique_id=&quot;495036&quot;&gt;&lt;property id=&quot;20148&quot; value=&quot;5&quot;/&gt;&lt;property id=&quot;20300&quot; value=&quot;スライド 62 - &amp;quot;11. ウイルスに感染してしまったら？&amp;quot;&quot;/&gt;&lt;property id=&quot;20307&quot; value=&quot;346&quot;/&gt;&lt;/object&gt;&lt;object type=&quot;3&quot; unique_id=&quot;495037&quot;&gt;&lt;property id=&quot;20148&quot; value=&quot;5&quot;/&gt;&lt;property id=&quot;20300&quot; value=&quot;スライド 63 - &amp;quot;第12話  ネットオークションや フリマアプリで トラブルにあったら？&amp;quot;&quot;/&gt;&lt;property id=&quot;20307&quot; value=&quot;347&quot;/&gt;&lt;/object&gt;&lt;object type=&quot;3&quot; unique_id=&quot;495038&quot;&gt;&lt;property id=&quot;20148&quot; value=&quot;5&quot;/&gt;&lt;property id=&quot;20300&quot; value=&quot;スライド 64 - &amp;quot;12.ネットオークションやフリマアプリでトラブルにあったら？&amp;quot;&quot;/&gt;&lt;property id=&quot;20307&quot; value=&quot;348&quot;/&gt;&lt;/object&gt;&lt;object type=&quot;3&quot; unique_id=&quot;495039&quot;&gt;&lt;property id=&quot;20148&quot; value=&quot;5&quot;/&gt;&lt;property id=&quot;20300&quot; value=&quot;スライド 65 - &amp;quot;12.ネットオークションやフリマアプリでトラブルにあったら？&amp;quot;&quot;/&gt;&lt;property id=&quot;20307&quot; value=&quot;349&quot;/&gt;&lt;/object&gt;&lt;object type=&quot;3&quot; unique_id=&quot;495040&quot;&gt;&lt;property id=&quot;20148&quot; value=&quot;5&quot;/&gt;&lt;property id=&quot;20300&quot; value=&quot;スライド 66 - &amp;quot;12.ネットオークションやフリマアプリでトラブルにあったら？&amp;quot;&quot;/&gt;&lt;property id=&quot;20307&quot; value=&quot;350&quot;/&gt;&lt;/object&gt;&lt;object type=&quot;3&quot; unique_id=&quot;495041&quot;&gt;&lt;property id=&quot;20148&quot; value=&quot;5&quot;/&gt;&lt;property id=&quot;20300&quot; value=&quot;スライド 67 - &amp;quot;12.ネットオークションやフリマアプリでトラブルにあったら？&amp;quot;&quot;/&gt;&lt;property id=&quot;20307&quot; value=&quot;351&quot;/&gt;&lt;/object&gt;&lt;/object&gt;&lt;object type=&quot;8&quot; unique_id=&quot;215459&quot;&gt;&lt;/object&gt;&lt;/object&gt;&lt;/database&gt;"/>
  <p:tag name="ISPRING_UUID" val="{45A6E4AE-7A1F-4D8E-ACC7-2C1BB4298570}"/>
  <p:tag name="ISPRING_RESOURCE_FOLDER" val="D:\_プロジェクト\201711_徳島第3弾\05_fla\情報モラル教育 小学生向け第1話～12話_20180301\"/>
  <p:tag name="ISPRING_PRESENTATION_PATH" val="D:\_プロジェクト\201711_徳島第3弾\05_fla\情報モラル教育 小学生向け第1話～12話_20180301.pptx"/>
  <p:tag name="ISPRING_SCREEN_RECS_UPDATED" val="D:\_プロジェクト\201711_徳島第3弾\05_fla\情報モラル教育 小学生向け第1話～12話_20180301"/>
  <p:tag name="ISPRING_ULTRA_SCORM_SLIDE_COUNT" val="1"/>
  <p:tag name="SECTOMILLISECCONVERTED" val="1"/>
  <p:tag name="ISPRING_RESOURCE_PATHS_HASH_PRESENTER" val="94cf2dea89bdb6e3d8d243bea5160be3173b8"/>
  <p:tag name="ARTICULATE_SLIDE_COUNT" val="113"/>
  <p:tag name="ISPRING_PRESENTATION_COURSE_TITLE" val="情報モラル教育 小学生向け"/>
  <p:tag name="ISPRING_CURRENT_PLAYER_ID" val="universal"/>
  <p:tag name="ISPRING_PLAYERS_CUSTOMIZATION_2" val="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"/>
  <p:tag name="ISPRING_LMS_API_VERSION" val="SCORM 1.2"/>
  <p:tag name="ISPRING_CMI5_LAUNCH_METHOD" val="any window"/>
  <p:tag name="ISPRINGCLOUDFOLDERID" val="1"/>
  <p:tag name="ISPRINGONLINEFOLDERID" val="1"/>
  <p:tag name="ARTICULATE_PROJECT_OPEN" val="0"/>
  <p:tag name="ISPRING_OUTPUT_FOLDER" val="[[&quot;\uFFFD\\\uFFFD{C8200F90-E3A9-4BA9-88CD-9E9515C25619}&quot;,&quot;C:\\Users\\s-shirochika\\Documents\\01_job\\202210_徳島\\05_iSpring&quot;],[&quot;\uFFFD\uFFFD\uFFFD*{52F2B0B6-5D6F-4392-B7FC-27EEC39ACAB4}&quot;,&quot;E:\\work\\お手伝い\\城近さん徳島&quot;]]"/>
  <p:tag name="ISPRING_PUBLISH_SETTINGS" val="{&quot;commonSettings&quot;:{&quot;webSettings&quot;:{&quot;useMobileViewer&quot;:&quot;T_FALSE&quot;},&quot;lmsSettings&quot;:{&quot;useMobileViewer&quot;:&quot;T_FALSE&quot;},&quot;cloudSettings&quot;:{&quot;useMobileViewer&quot;:&quot;T_FALSE&quot;},&quot;ispringLmsSettings&quot;:{&quot;useMobileViewer&quot;:&quot;T_FALSE&quot;},&quot;playerId&quot;:&quot;universal&quot;,&quot;studioSettings&quot;:{&quot;useMobileViewer&quot;:&quot;T_FALSE&quot;}},&quot;advancedSettings&quot;:{&quot;enableTextAllocation&quot;:&quot;T_TRUE&quot;,&quot;viewingFromLocalDrive&quot;:&quot;T_TRUE&quot;,&quot;contentScale&quot;:75,&quot;contentScaleMode&quot;:&quot;FIT_TO_WINDOW&quot;},&quot;accessibilitySettings&quot;:{&quot;enabled&quot;:&quot;T_FALSE&quot;,&quot;language&quot;:&quot;EN&quot;},&quot;compressionSettings&quot;:{&quot;imageSettings&quot;:{&quot;jpegQuality&quot;:70,&quot;optimizeImageForResolution&quot;:&quot;T_FALSE&quot;},&quot;audioQuality&quot;:70,&quot;videoQuality&quot;:65},&quot;protectionSettings&quot;:{&quot;watermarkEnabled&quot;:&quot;T_FALSE&quot;,&quot;watermarkPosition&quot;:&quot;MIDDLE_CENTER&quot;,&quot;openWatermarkUrl&quot;:&quot;T_FALSE&quot;,&quot;watermarkUrl&quot;:&quot;http://&quot;,&quot;openWatermarkWebPageInNewWindow&quot;:&quot;T_FALSE&quot;,&quot;displayAfterEnabled&quot;:&quot;T_FALSE&quot;,&quot;displayUntilEnabled&quot;:&quot;T_FALSE&quot;,&quot;domainRestrictionEnabled&quot;:&quot;T_FALSE&quot;,&quot;enablePassword&quot;:&quot;T_FALSE&quot;},&quot;videoSettings&quot;:{&quot;videoCompressionSettings&quot;:{&quot;audioQuality&quot;:70,&quot;videoQuality&quot;:75},&quot;secondsOnEachSlide&quot;:5,&quot;hostingSettings&quot;:{}},&quot;ispringOnlineSettings&quot;:{&quot;onlineDestinationFolderId&quot;:&quot;1&quot;},&quot;cloudSettings&quot;:{&quot;onlineDestinationFolderId&quot;:&quot;1&quot;},&quot;wordSettings&quot;:{&quot;printCopies&quot;:1},&quot;studioSettings&quot;:{}}"/>
  <p:tag name="ISPRING_SCORM_PASSING_SCORE" val="16.000000"/>
  <p:tag name="ISPRING-SUITE_ISPRING_PLAYERS_CUSTOMIZATION_2" val="{&quot;universal&quot;:{&quot;skinSettings&quot;:{&quot;borderRadius&quot;:10,&quot;colors&quot;:{&quot;asideBackground&quot;:{&quot;color&quot;:&quot;#FFFFFF&quot;,&quot;opacity&quot;:1,&quot;type&quot;:&quot;SOLID&quot;},&quot;asideElementBackgroundActive&quot;:{&quot;color&quot;:&quot;#675B4B&quot;,&quot;opacity&quot;:1,&quot;type&quot;:&quot;SOLID&quot;},&quot;asideElementBackgroundHover&quot;:{&quot;color&quot;:&quot;#AE9070&quot;,&quot;opacity&quot;:1,&quot;type&quot;:&quot;SOLID&quot;},&quot;asideElementText&quot;:{&quot;color&quot;:&quot;#727272&quot;,&quot;opacity&quot;:1,&quot;type&quot;:&quot;SOLID&quot;},&quot;asideElementTextActive&quot;:{&quot;color&quot;:&quot;#FFFFFF&quot;,&quot;opacity&quot;:1,&quot;type&quot;:&quot;SOLID&quot;},&quot;asideElementTextHover&quot;:{&quot;color&quot;:&quot;#4D4D4D&quot;,&quot;opacity&quot;:1,&quot;type&quot;:&quot;SOLID&quot;},&quot;asideLogoBackground&quot;:{&quot;color&quot;:&quot;#FFFFFF&quot;,&quot;opacity&quot;:1,&quot;type&quot;:&quot;SOLID&quot;},&quot;pageBackground&quot;:{&quot;color&quot;:&quot;#BFBFBF&quot;,&quot;opacity&quot;:1,&quot;type&quot;:&quot;SOLID&quot;},&quot;playerBackground&quot;:{&quot;color&quot;:&quot;#E3DBD4&quot;,&quot;opacity&quot;:1,&quot;type&quot;:&quot;SOLID&quot;},&quot;playerText&quot;:{&quot;color&quot;:&quot;#4D4D4D&quot;,&quot;opacity&quot;:1,&quot;type&quot;:&quot;SOLID&quot;},&quot;primaryButtonBackground&quot;:{&quot;color&quot;:&quot;#675B4B&quot;,&quot;opacity&quot;:1,&quot;type&quot;:&quot;SOLID&quot;},&quot;primaryButtonBackgroundHover&quot;:{&quot;color&quot;:&quot;#AE9070&quot;,&quot;opacity&quot;:1,&quot;type&quot;:&quot;SOLID&quot;},&quot;primaryButtonBorder&quot;:{&quot;color&quot;:&quot;#675B4B&quot;,&quot;opacity&quot;:1,&quot;type&quot;:&quot;SOLID&quot;},&quot;primaryButtonBorderHover&quot;:{&quot;color&quot;:&quot;#AE9070&quot;,&quot;opacity&quot;:1,&quot;type&quot;:&quot;SOLID&quot;},&quot;primaryButtonText&quot;:{&quot;color&quot;:&quot;#FFFFFF&quot;,&quot;opacity&quot;:1,&quot;type&quot;:&quot;SOLID&quot;},&quot;primaryButtonTextHover&quot;:{&quot;color&quot;:&quot;#FFFFFF&quot;,&quot;opacity&quot;:1,&quot;type&quot;:&quot;SOLID&quot;},&quot;secondaryButtonBackground&quot;:{&quot;color&quot;:&quot;#675B4B&quot;,&quot;opacity&quot;:1,&quot;type&quot;:&quot;SOLID&quot;},&quot;secondaryButtonBackgroundHover&quot;:{&quot;color&quot;:&quot;#AE9070&quot;,&quot;opacity&quot;:1,&quot;type&quot;:&quot;SOLID&quot;},&quot;secondaryButtonBorder&quot;:{&quot;color&quot;:&quot;#675B4B&quot;,&quot;opacity&quot;:1,&quot;type&quot;:&quot;SOLID&quot;},&quot;secondaryButtonBorderHover&quot;:{&quot;color&quot;:&quot;#AE9070&quot;,&quot;opacity&quot;:1,&quot;type&quot;:&quot;SOLID&quot;},&quot;secondaryButtonText&quot;:{&quot;color&quot;:&quot;#FFFFFF&quot;,&quot;opacity&quot;:1,&quot;type&quot;:&quot;SOLID&quot;},&quot;secondaryButtonTextHover&quot;:{&quot;color&quot;:&quot;#FFFFFF&quot;,&quot;opacity&quot;:1,&quot;type&quot;:&quot;SOLID&quot;}},&quot;controlPanel&quot;:{&quot;navigationMode&quot;:&quot;bySlides&quot;,&quot;progressBar&quot;:{&quot;enabled&quot;:true,&quot;mode&quot;:&quot;slideTimeline&quot;,&quot;showLabels&quot;:true,&quot;visible&quot;:true},&quot;showCCButton&quot;:false,&quot;showNextButton&quot;:true,&quot;showOutline&quot;:true,&quot;showPlayPause&quot;:true,&quot;showPlaybackRateButton&quot;:false,&quot;showPrevButton&quot;:true,&quot;showRewind&quot;:true,&quot;showSlideNumbers&quot;:true,&quot;showSlideOnlyButton&quot;:true,&quot;showVolumeControl&quot;:false,&quot;visible&quot;:true},&quot;fontFamily&quot;:&quot;Meiryo UI&quot;,&quot;miniskinCustomizationEnabled&quot;:true,&quot;outlinePanel&quot;:{&quot;highlightViewedEntries&quot;:true,&quot;multilevel&quot;:true,&quot;numberEntries&quot;:false,&quot;search&quot;:true,&quot;thumbnails&quot;:true},&quot;sidePanel&quot;:{&quot;showAtLeft&quot;:false,&quot;showLogo&quot;:false,&quot;showNotes&quot;:false,&quot;showOutline&quot;:false,&quot;showPresenterInfo&quot;:false,&quot;showPresenterVideo&quot;:false,&quot;visible&quot;:false},&quot;titlePanel&quot;:{&quot;buttons&quot;:[&quot;attachments&quot;,&quot;markerTools&quot;],&quot;buttonsAtLeft&quot;:true,&quot;courseTitleVisible&quot;:false,&quot;showLogo&quot;:false,&quot;visible&quot;:false},&quot;version&quot;:&quot;1.0&quot;},&quot;skinMessages&quot;:{&quot;PB_ACCESSIBLE_ARIA_LABEL_BACK_TO_BEGIN&quot;:&quot;スライドの最初に戻る&quot;,&quot;PB_ACCESSIBLE_ARIA_LABEL_BOTTOM_PANEL&quot;:&quot;ボトムバー&quot;,&quot;PB_ACCESSIBLE_ARIA_LABEL_NAVIGATION_BUTTONS&quot;:&quot;ナビゲーションボタン&quot;,&quot;PB_ACCESSIBLE_ARIA_LABEL_SETTINGS&quot;:&quot;アクセシビリティの設定&quot;,&quot;PB_ACCESSIBLE_ARIA_LABEL_SLIDE&quot;:&quot;スライド&quot;,&quot;PB_ACCESSIBLE_ARIA_LABEL_TOP_PANEL&quot;:&quot;トップバー&quot;,&quot;PB_ACCESSIBLE_AUDIO_NARRATION_LABEL&quot;:&quot;音声ナレーション&quot;,&quot;PB_ACCESSIBLE_NAVIGATION_NEXT_BUTTON&quot;:&quot;次へ&quot;,&quot;PB_ACCESSIBLE_NAVIGATION_PREV_BUTTON&quot;:&quot;前&quot;,&quot;PB_ACCESSIBLE_PLAYER_SCENARIO_NOT_SUPPORTED&quot;:&quot;このシミュレーションは、アクセシビリティモードに対応していません&quot;,&quot;PB_ACCESSIBLE_SKIN_ENABLE_ACCESSIBILITY_MODE&quot;:&quot;アクセシビリティモードをオンにする&quot;,&quot;PB_ACCESSIBLE_SKIN_ENABLE_NORMAL_MODE&quot;:&quot;アクセシビリティモードをオフにする&quot;,&quot;PB_ACCESSIBLE_SKIN_PRESENTER_PHOTO&quot;:&quot;プレゼンター写真&quot;,&quot;PB_ACCESSIBLE_SLIDE_N_OF_COUNT&quot;:&quot;スライド%SLIDE_NUMBER%\/%TOTAL_SLIDES%&quot;,&quot;PB_ACCESSIBLE_VIDEO_NARRATION_LABEL&quot;:&quot;ビデオナレーション&quot;,&quot;PB_ACCESSIBLE_WATERMARK_SKIN_CREATED_WITH&quot;:&quot;iSpring評価版で作成&quot;,&quot;PB_ATTACHMENT_DOCUMENT_SUBTITLE&quot;:&quot;文書&quot;,&quot;PB_ATTACHMENT_FILE_SUBTITLE&quot;:&quot;ファイル&quot;,&quot;PB_ATTACHMENT_IMAGE_SUBTITLE&quot;:&quot;画像&quot;,&quot;PB_ATTACHMENT_LINK_SUBTITLE&quot;:&quot;リンク&quot;,&quot;PB_ATTACHMENT_VIDEO_SUBTITLE&quot;:&quot;ビデオ&quot;,&quot;PB_BACK_TO_APP_BUTTON_LABEL&quot;:&quot;戻る&quot;,&quot;PB_CC_MENU_OFF&quot;:&quot;オフ&quot;,&quot;PB_CC_MENU_ON&quot;:&quot;オン&quot;,&quot;PB_CC_MENU_TITLE&quot;:&quot;メモ&quot;,&quot;PB_COMPANY_LOGO_BIG&quot;:&quot;企業ロゴ(268x156)&quot;,&quot;PB_COMPANY_LOGO_SMALL&quot;:&quot;企業ロゴ (268x50)&quot;,&quot;PB_CONTROL_PANEL_EXIT_FULL_SCREEN&quot;:&quot;フルスクリーンを終了&quot;,&quot;PB_CONTROL_PANEL_FULL_SCREEN&quot;:&quot;フルスクリーン&quot;,&quot;PB_CONTROL_PANEL_NEXT&quot;:&quot;次へ&quot;,&quot;PB_CONTROL_PANEL_OUTLINE&quot;:&quot;目次&quot;,&quot;PB_CONTROL_PANEL_PREV&quot;:&quot;前へ&quot;,&quot;PB_CONTROL_PANEL_REPLAY&quot;:&quot;リプレイ&quot;,&quot;PB_CONTROL_PANEL_SLIDE_COUNTER&quot;:&quot;%SLIDE_NUMBER%\/%TOTAL_SLIDES%&quot;,&quot;PB_CONTROL_PANEL_VOLUME_CONTROL&quot;:&quot;ボリューム:&quot;,&quot;PB_CURRENT_SLIDE_IS_NOT_COMPLETED&quot;:&quot;全てのスライドを見てください&quot;,&quot;PB_DOMAIN_RESTRICTION&quot;:&quot;プレゼンテーションの制作者がこのドメインからの閲覧を無効にしました。申し訳ございません。&quot;,&quot;PB_DOWNLOAD_APP_MESSAGE&quot;:&quot;このプレゼンテーションをビデオでご覧になるには、iOSアプリケーション「iSpring Play」（無料）をダウンロードしてください。&quot;,&quot;PB_DRAWING_TOOLS_END_DRAWING&quot;:&quot;ドローイングの終了&quot;,&quot;PB_DRAWING_TOOLS_ERASER&quot;:&quot;消しゴム&quot;,&quot;PB_DRAWING_TOOLS_ERASE_ALL&quot;:&quot;全て消去&quot;,&quot;PB_DRAWING_TOOLS_HIGHLIGHTER&quot;:&quot;ハイライト&quot;,&quot;PB_DRAWING_TOOLS_PEN&quot;:&quot;ペン&quot;,&quot;PB_ENTER_PASSWORD&quot;:&quot;プレゼンテーションを見るにはパスワードを入力します&quot;,&quot;PB_INCORRECT_PASSWORD&quot;:&quot;パスワードが正しくありません&quot;,&quot;PB_INTERACTION_SLIDE_WINDOW_TEXT&quot;:&quot;このスライドを離れる前に、インタラクションを完了させる必要があります。&quot;,&quot;PB_LAUNCH_BTN_LABEL&quot;:&quot;起動&quot;,&quot;PB_LAUNCH_IN_APP_MESSAGE&quot;:&quot;ビデオでご覧になる場合は、iSpring Playをご利用ください。&quot;,&quot;PB_MESSAGE_BOX_NO&quot;:&quot;いいえ&quot;,&quot;PB_MESSAGE_BOX_OK&quot;:&quot;OK&quot;,&quot;PB_MESSAGE_BOX_YES&quot;:&quot;はい&quot;,&quot;PB_NAVIGATION_IS_RESTRICTED&quot;:&quot;参照済スライドのみにアクセス可能&quot;,&quot;PB_NAVIGATION_IS_SEQUENTIAL&quot;:&quot;スライドは規定の順序で参照してください&quot;,&quot;PB_PLAYBACK_RATE_MENU_CAPTION&quot;:&quot;速度&quot;,&quot;PB_PRECEDING_QUIZ_FAILED_WINDOW_TEXT&quot;:&quot;スライド %SLIDE_INDEX% の問題が不正解のため、先に進めません。&quot;,&quot;PB_PRECEDING_QUIZ_NOT_COMPLETED_WINDOW_TEXT&quot;:&quot;先に進むには、スライド %SLIDE_INDEX% の問題に解答してください。&quot;,&quot;PB_PRECEDING_QUIZ_NOT_PASSED_WINDOW_TEXT&quot;:&quot;先に進むには、スライド %SLIDE_INDEX% の問題を正解する必要があります。&quot;,&quot;PB_PRECEDING_SCENARIO_FAILED_WINDOW_TEXT&quot;:&quot;スライド %SLIDE_INDEX% の対話に失格しましたので進めません&quot;,&quot;PB_PRECEDING_SCENARIO_NOT_COMPLETED_WINDOW_TEXT&quot;:&quot;進めるにはスライド %SLIDE_INDEX% で対話をしなければなりません&quot;,&quot;PB_PRECEDING_SCENARIO_NOT_PASSED_WINDOW_TEXT&quot;:&quot;進めるにはスライド %SLIDE_INDEX% の対話に合格しなければなりません&quot;,&quot;PB_PRESENTER_COLLAPSE_BIO&quot;:&quot;少なく表示&quot;,&quot;PB_PRESENTER_EMAIL&quot;:&quot;電子メール&quot;,&quot;PB_PRESENTER_EXPAND_BIO&quot;:&quot;もっと表示&quot;,&quot;PB_PRESENTER_HIDE_BIO&quot;:&quot;隠す&quot;,&quot;PB_PRESENTER_INFO&quot;:&quot;プレゼンター情報&quot;,&quot;PB_PRESENTER_NO_INFO&quot;:&quot;プレゼンター情報がありません&quot;,&quot;PB_PRESENTER_SHOW_BIO&quot;:&quot;もっと見る&quot;,&quot;PB_PRESENTER_VIDEO&quot;:&quot;プレゼンター・ビデオ&quot;,&quot;PB_PRESENTER_WEBSITE&quot;:&quot;Web サイト&quot;,&quot;PB_QUIZ_SLIDE_WINDOW_TEXT&quot;:&quot;このスライドから移動する前に問題を完了してください。&quot;,&quot;PB_RATE_MENU_CAPTION&quot;:&quot;速度&quot;,&quot;PB_RATE_MENU_DEFAULT_RATE&quot;:&quot;普通&quot;,&quot;PB_RESTRICTION_MESSAGE_BOX_TITLE&quot;:&quot;操作が制限されています&quot;,&quot;PB_RESUME_PRESENTATION_WINDOW_TEXT&quot;:&quot;最後に見たスライドから再開しますか？&quot;,&quot;PB_RESUME_PRESENTATION_WINDOW_TITLE&quot;:&quot;プレゼンテーションの再開&quot;,&quot;PB_SCENARIO_SLIDE_WINDOW_TEXT&quot;:&quot;このスライドから移動する前に対話を完了させる必要があります。&quot;,&quot;PB_SEARCH_CANCEL&quot;:&quot;キャンセル&quot;,&quot;PB_SEARCH_NO_RESULTS_LABEL&quot;:&quot;マッチしません&quot;,&quot;PB_SEARCH_PANEL_DEFAULT_TEXT&quot;:&quot;検索...&quot;,&quot;PB_SEARCH_RESULTS_LABEL&quot;:&quot;検索結果：&quot;,&quot;PB_SEARCH_RESULT_IN_NOTES&quot;:&quot;メモで&quot;,&quot;PB_SEARCH_RESULT_IN_TEXT_LABEL&quot;:&quot;スライドで&quot;,&quot;PB_SUBTITLES_MENU_CAPTION&quot;:&quot;字幕&quot;,&quot;PB_SUBTITLES_OFF&quot;:&quot;オフ&quot;,&quot;PB_TAB_NOTES_LABEL&quot;:&quot;メモ&quot;,&quot;PB_TAB_OUTLINE_LABEL&quot;:&quot;目次&quot;,&quot;PB_TIME_RESTRICTION&quot;:&quot;プレゼンテーションの制作者が一時的に閲覧を無効にしました。申し訳ございません。&quot;,&quot;PB_TITLE_PANEL_ATTACHMENTS&quot;:&quot;リソース&quot;,&quot;PB_TITLE_PANEL_DEFAULT_COURSE_TITLE&quot;:&quot;コースタイトル例&quot;,&quot;PB_TITLE_PANEL_MARKER_TOOLS&quot;:&quot;マーカーツール&quot;,&quot;PB_TITLE_PANEL_NOTES&quot;:&quot;メモ&quot;,&quot;PB_TITLE_PANEL_OUTLINE&quot;:&quot;アウトライン&quot;,&quot;PB_TITLE_PANEL_PRESENTER_INFO&quot;:&quot;プレゼンター情報&quot;,&quot;PB_TOOLTIP_ADD_LOGO&quot;:&quot;クリックして企業ロゴを追加&quot;,&quot;PB_TOOLTIP_CHANGE_LOGO&quot;:&quot;クリックして企業ロゴを追加&quot;,&quot;PB_TREE_CONTROL_LOADING&quot;:&quot;ロード中…&quot;,&quot;PB_VIDEO_WINDOW_NO_VIDEO_LABEL&quot;:&quot;ビデオがありません&quot;},&quot;playbackAndNavigationSettings&quot;:{&quot;autoStart&quot;:true,&quot;saveAnimationStates&quot;:false,&quot;loopPresentation&quot;:false,&quot;autoPlayAnimations&quot;:false,&quot;autoPlayAnimationsTime&quot;:1,&quot;navigationType&quot;:&quot;FREE&quot;,&quot;resumeMode&quot;:&quot;PROMPT&quot;,&quot;enableKeyboardNavigation&quot;:false},&quot;keyboardSettings&quot;:&quot;&quot;,&quot;skinVersion&quot;:1,&quot;skinCompatibleVersion&quot;:0,&quot;publishSettings&quot;:{&quot;backgroundColor&quot;:&quot;#BFBFBF&quot;,&quot;playerDimensions&quot;:{&quot;height&quot;:74,&quot;width&quot;:24},&quot;playerModule&quot;:&quot;UniversalHtml&quot;,&quot;presentationContent&quot;:{&quot;metadata&quot;:{&quot;references&quot;:false,&quot;texts&quot;:[&quot;DT_SLIDE_NOTES_HTML&quot;,&quot;DT_SLIDE_NOTES_TEXT&quot;,&quot;DT_SLIDE_TITLE&quot;,&quot;DT_SLIDE_NOTES_TEXT&quot;,&quot;DT_SLIDE_TEXT&quot;,&quot;DT_HYPERLINK_TOOLTIP&quot;]},&quot;resources&quot;:{&quot;attachments&quot;:false,&quot;companyLogos&quot;:null,&quot;fonts&quot;:[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&quot;,&quot;fontFamily&quot;:&quot;Meiryo UI&quot;,&quot;isBold&quot;:fals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&quot;,&quot;fontFamily&quot;:&quot;Meiryo UI&quot;,&quot;isBold&quot;:true,&quot;isItalic&quot;:fals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i&quot;,&quot;fontFamily&quot;:&quot;Meiryo UI&quot;,&quot;isBold&quot;:fals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bi&quot;,&quot;fontFamily&quot;:&quot;Meiryo UI&quot;,&quot;isBold&quot;:true,&quot;isItalic&quot;:true,&quot;isSemibold&quot;:fals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&quot;,&quot;fontFamily&quot;:&quot;Meiryo UI&quot;,&quot;isBold&quot;:false,&quot;isItalic&quot;:false,&quot;isSemibold&quot;:true,&quot;substituteFontFamily&quot;:&quot;Arial&quot;},{&quot;charsets&quot;:{&quot;dynamicFormatted&quot;:[&quot;DCT_SLIDE_NOTES_TEXT&quot;,&quot;DCT_INTERACTIVITY_TEXT&quot;,&quot;DCT_INTERACTIVITY_SEMIBOLD_TEXT&quot;],&quot;dynamicPlain&quot;:[&quot;DCT_SLIDE_TITLE&quot;,&quot;DCT_SLIDE_NOTES_TEXT&quot;,&quot;DCT_SLIDE_TEXT&quot;,&quot;DCT_HYPERLINK_TOOLTIP&quot;],&quot;static&quot;:[&quot;検索...&quot;,&quot;スライドで&quot;,&quot;検索結果：&quot;,&quot;マッチしません&quot;,&quot;メモで&quot;,&quot;キャンセル&quot;,&quot;前へ&quot;,&quot;次へ&quot;,&quot;目次&quot;,&quot;フルスクリーン&quot;,&quot;フルスクリーンを終了&quot;,&quot;リプレイ&quot;,&quot;%SLIDE_NUMBER%\/%TOTAL_SLIDES%&quot;,&quot;はい&quot;,&quot;いいえ&quot;,&quot;OK&quot;,&quot;最後に見たスライドから再開しますか？&quot;,&quot;このスライドから移動する前に問題を完了してください。&quot;,&quot;先に進むには、スライド %SLIDE_INDEX% の問題を正解する必要があります。&quot;,&quot;先に進むには、スライド %SLIDE_INDEX% の問題に解答してください。&quot;,&quot;スライド %SLIDE_INDEX% の問題が不正解のため、先に進めません。&quot;,&quot;このスライドを離れる前に、インタラクションを完了させる必要があります。&quot;,&quot;このスライドから移動する前に対話を完了させる必要があります。&quot;,&quot;進めるにはスライド %SLIDE_INDEX% の対話に合格しなければなりません&quot;,&quot;進めるにはスライド %SLIDE_INDEX% で対話をしなければなりません&quot;,&quot;スライド %SLIDE_INDEX% の対話に失格しましたので進めません&quot;,&quot;全てのスライドを見てください&quot;,&quot;参照済スライドのみにアクセス可能&quot;,&quot;スライドは規定の順序で参照してください&quot;,&quot;プレゼンテーションを見るにはパスワードを入力します&quot;,&quot;パスワードが正しくありません&quot;,&quot;プレゼンテーションの制作者がこのドメインからの閲覧を無効にしました。申し訳ございません。&quot;,&quot;プレゼンテーションの制作者が一時的に閲覧を無効にしました。申し訳ございません。&quot;,&quot;戻る&quot;,&quot;前&quot;,&quot;0123456789:.\/…-x&quot;]},&quot;embedName&quot;:&quot;PFnsbi&quot;,&quot;fontFamily&quot;:&quot;Meiryo UI&quot;,&quot;isBold&quot;:false,&quot;isItalic&quot;:true,&quot;isSemibold&quot;:true,&quot;substituteFontFamily&quot;:&quot;Arial&quot;}],&quot;interactivity&quot;:{&quot;fullSupport&quot;:true},&quot;presenterPhotos&quot;:null,&quot;slideThumbnails&quot;:{&quot;enlargeToFit&quot;:false,&quot;height&quot;:59,&quot;jpegQuality&quot;:100,&quot;keepAspectRatio&quot;:true,&quot;width&quot;:78},&quot;videoNarrations&quot;:null}}}}}"/>
  <p:tag name="ISPRING-SUITE_ISPRING_CURRENT_PLAYER_ID" val="universal"/>
  <p:tag name="ISPRING_ULTRA_SCORM_COURCE_TITLE" val="情報モラル教育　小学校低学年　第23話"/>
  <p:tag name="ISPRING_PRESENTATION_TITLE" val="情報モラル教育　小学校低学年　第23話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1.00"/>
  <p:tag name="ISPRING_SLIDE_INDENT_LEVEL" val="0"/>
  <p:tag name="ISPRING_CUSTOM_TIMING_USED" val="0"/>
  <p:tag name="ARTICULATE_SLIDE_THUMBNAIL_REFRESH" val="1"/>
  <p:tag name="GENSWF_SLIDE_UID" val="{92C98639-C173-40F1-828A-302AAC74E74A}:495"/>
  <p:tag name="GENSWF_SLIDE_TITLE" val="第23話 ネットゲームのやり過ぎはダメ！（有料アイテム）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E067F2EF-8CC7-481A-875F-5269A773AD69}:403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0C66C118-0970-4F89-B997-0CE79502634C}:493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BE6D9ECF-C433-43DC-8793-27E4C2730950}:404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5E3D4C9B-875C-4F90-A9F9-721B2397F85F}:492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1"/>
  <p:tag name="ISPRING_CUSTOM_TIMING_USED" val="0"/>
  <p:tag name="ARTICULATE_SLIDE_THUMBNAIL_REFRESH" val="1"/>
  <p:tag name="GENSWF_SLIDE_UID" val="{86C7ADEB-DE61-4BF4-BC0C-404DA92A7DF5}:494"/>
</p:tagLst>
</file>

<file path=ppt/theme/theme1.xml><?xml version="1.0" encoding="utf-8"?>
<a:theme xmlns:a="http://schemas.openxmlformats.org/drawingml/2006/main" name="Office テーマ">
  <a:themeElements>
    <a:clrScheme name="Office テーマ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テーマ">
      <a:majorFont>
        <a:latin typeface="Calibri Light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テーマ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>
    <a:spDef>
      <a:spPr>
        <a:solidFill>
          <a:schemeClr val="bg1">
            <a:lumMod val="95000"/>
          </a:schemeClr>
        </a:solidFill>
        <a:ln>
          <a:solidFill>
            <a:schemeClr val="tx1"/>
          </a:solidFill>
        </a:ln>
        <a:scene3d>
          <a:camera prst="orthographicFront">
            <a:rot lat="0" lon="0" rev="0"/>
          </a:camera>
          <a:lightRig rig="threePt" dir="t"/>
        </a:scene3d>
      </a:spPr>
      <a:bodyPr rtlCol="0" anchor="ctr"/>
      <a:lstStyle>
        <a:defPPr algn="ctr">
          <a:defRPr kumimoji="1" dirty="0" smtClean="0">
            <a:solidFill>
              <a:schemeClr val="tx1"/>
            </a:solidFill>
          </a:defRPr>
        </a:defPPr>
      </a:lstStyle>
      <a:style>
        <a:lnRef idx="2">
          <a:schemeClr val="accent1">
            <a:shade val="50000"/>
          </a:schemeClr>
        </a:lnRef>
        <a:fillRef idx="1">
          <a:schemeClr val="accent1"/>
        </a:fillRef>
        <a:effectRef idx="0">
          <a:schemeClr val="accent1"/>
        </a:effectRef>
        <a:fontRef idx="minor">
          <a:schemeClr val="lt1"/>
        </a:fontRef>
      </a:style>
    </a:spDef>
    <a:txDef>
      <a:spPr>
        <a:noFill/>
      </a:spPr>
      <a:bodyPr wrap="none" rtlCol="0">
        <a:spAutoFit/>
      </a:bodyPr>
      <a:lstStyle>
        <a:defPPr algn="ctr">
          <a:defRPr sz="1200" b="1" dirty="0">
            <a:solidFill>
              <a:schemeClr val="bg1"/>
            </a:solidFill>
            <a:latin typeface="メイリオ" panose="020B0604030504040204" pitchFamily="50" charset="-128"/>
            <a:ea typeface="メイリオ" panose="020B0604030504040204" pitchFamily="50" charset="-128"/>
            <a:cs typeface="メイリオ" panose="020B0604030504040204" pitchFamily="50" charset="-128"/>
          </a:defRPr>
        </a:defPPr>
      </a:lstStyle>
    </a:txDef>
  </a:objectDefaults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​​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游ゴシック Light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游ゴシック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10548</TotalTime>
  <Words>409</Words>
  <Application>Microsoft Office PowerPoint</Application>
  <PresentationFormat>画面に合わせる (4:3)</PresentationFormat>
  <Paragraphs>108</Paragraphs>
  <Slides>6</Slides>
  <Notes>6</Notes>
  <HiddenSlides>0</HiddenSlides>
  <MMClips>0</MMClips>
  <ScaleCrop>false</ScaleCrop>
  <HeadingPairs>
    <vt:vector size="6" baseType="variant">
      <vt:variant>
        <vt:lpstr>使用されているフォント</vt:lpstr>
      </vt:variant>
      <vt:variant>
        <vt:i4>6</vt:i4>
      </vt:variant>
      <vt:variant>
        <vt:lpstr>テーマ</vt:lpstr>
      </vt:variant>
      <vt:variant>
        <vt:i4>1</vt:i4>
      </vt:variant>
      <vt:variant>
        <vt:lpstr>スライド タイトル</vt:lpstr>
      </vt:variant>
      <vt:variant>
        <vt:i4>6</vt:i4>
      </vt:variant>
    </vt:vector>
  </HeadingPairs>
  <TitlesOfParts>
    <vt:vector size="13" baseType="lpstr">
      <vt:lpstr>Meiryo UI</vt:lpstr>
      <vt:lpstr>メイリオ</vt:lpstr>
      <vt:lpstr>游ゴシック</vt:lpstr>
      <vt:lpstr>Arial</vt:lpstr>
      <vt:lpstr>Calibri</vt:lpstr>
      <vt:lpstr>Calibri Light</vt:lpstr>
      <vt:lpstr>Office テーマ</vt:lpstr>
      <vt:lpstr>だい23話 ネットゲームの 　やりすぎはダメ！③ 　（ルール・マナー）</vt:lpstr>
      <vt:lpstr>23. ネットゲームのやりすぎはダメ！③（ルール・マナー）</vt:lpstr>
      <vt:lpstr>23. ネットゲームのやりすぎはダメ！③（ルール・マナー）</vt:lpstr>
      <vt:lpstr>23. ネットゲームのやりすぎはダメ！③（ルール・マナー）</vt:lpstr>
      <vt:lpstr>23. ネットゲームのやりすぎはダメ！③（ルール・マナー）</vt:lpstr>
      <vt:lpstr>23. ネットゲームのやりすぎはダメ！③（ルール・マナー）</vt:lpstr>
    </vt:vector>
  </TitlesOfParts>
  <Company>MouseComputer PC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情報モラル教育　小学校低学年　第23話</dc:title>
  <cp:lastModifiedBy>城近 小夜子</cp:lastModifiedBy>
  <cp:revision>757</cp:revision>
  <cp:lastPrinted>2019-12-18T05:51:40Z</cp:lastPrinted>
  <dcterms:created xsi:type="dcterms:W3CDTF">2016-01-27T02:00:48Z</dcterms:created>
  <dcterms:modified xsi:type="dcterms:W3CDTF">2022-11-14T04:37:0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GUID">
    <vt:lpwstr>25C82281-62A0-45BF-B44E-D70073C3FE43</vt:lpwstr>
  </property>
  <property fmtid="{D5CDD505-2E9C-101B-9397-08002B2CF9AE}" pid="3" name="ArticulatePath">
    <vt:lpwstr>プレゼンテーション1</vt:lpwstr>
  </property>
</Properties>
</file>